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slicerCaches/slicerCache1.xml" ContentType="application/vnd.ms-excel.slicerCache+xml"/>
  <Override PartName="/xl/slicerCaches/slicerCache2.xml" ContentType="application/vnd.ms-excel.slicerCache+xml"/>
  <Override PartName="/xl/slicerCaches/slicerCache3.xml" ContentType="application/vnd.ms-excel.slicerCache+xml"/>
  <Override PartName="/xl/slicerCaches/slicerCache4.xml" ContentType="application/vnd.ms-excel.slicerCache+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slicers/slicer1.xml" ContentType="application/vnd.ms-excel.slicer+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J:\s1\16事業者指定等（新）\01共通\HP作成用\事業所一覧\令和６年度\r6.4.1\"/>
    </mc:Choice>
  </mc:AlternateContent>
  <bookViews>
    <workbookView xWindow="8205" yWindow="855" windowWidth="11910" windowHeight="9420"/>
  </bookViews>
  <sheets>
    <sheet name="全事業所一覧（最新）" sheetId="30" r:id="rId1"/>
    <sheet name="削除禁止" sheetId="31" state="hidden" r:id="rId2"/>
    <sheet name="各サービスの説明" sheetId="33" r:id="rId3"/>
  </sheets>
  <externalReferences>
    <externalReference r:id="rId4"/>
  </externalReferences>
  <definedNames>
    <definedName name="_Fill" hidden="1">#REF!</definedName>
    <definedName name="_xlnm._FilterDatabase" localSheetId="1" hidden="1">削除禁止!$A$1:$B$1</definedName>
    <definedName name="_xlnm._FilterDatabase" localSheetId="0" hidden="1">'全事業所一覧（最新）'!$A$3:$S$668</definedName>
    <definedName name="ｋｋｋ">#REF!</definedName>
    <definedName name="_xlnm.Print_Area" localSheetId="0">事業所一覧[#All]</definedName>
    <definedName name="_xlnm.Print_Titles" localSheetId="0">'全事業所一覧（最新）'!$3:$3</definedName>
    <definedName name="ｑ">#REF!</definedName>
    <definedName name="ｓ">#REF!</definedName>
    <definedName name="ｓｓ" hidden="1">#REF!</definedName>
    <definedName name="ValidData1">[1]業者一覧!$B$2:$B$51</definedName>
    <definedName name="ValidData2">[1]担当者!$B$2:$B$13</definedName>
    <definedName name="あああ" hidden="1">#REF!</definedName>
    <definedName name="ああああああああああああ" hidden="1">#REF!</definedName>
    <definedName name="スライサー_サービス種別">#N/A</definedName>
    <definedName name="スライサー_地域">#N/A</definedName>
    <definedName name="スライサー_地区">#N/A</definedName>
    <definedName name="スライサー_分類">#N/A</definedName>
    <definedName name="汚水桝">#REF!</definedName>
    <definedName name="管径1">#REF!</definedName>
    <definedName name="基礎データ">#REF!</definedName>
    <definedName name="人孔1">#REF!</definedName>
    <definedName name="人孔2">#REF!</definedName>
    <definedName name="人孔3">#REF!</definedName>
    <definedName name="人孔個数1">#REF!</definedName>
    <definedName name="人孔個数2">#REF!</definedName>
    <definedName name="人孔個数3">#REF!</definedName>
    <definedName name="請負工事費">#REF!</definedName>
    <definedName name="対象額">#REF!</definedName>
    <definedName name="単独率">#REF!</definedName>
    <definedName name="築造延長1">#REF!</definedName>
    <definedName name="排水面積">#REF!</definedName>
    <definedName name="布設延長1">#REF!</definedName>
  </definedNames>
  <calcPr calcId="162913"/>
  <customWorkbookViews>
    <customWorkbookView name="富山市 - 個人用ビュー" guid="{1B446D68-8623-43CD-A07E-403515AF18D4}" personalView="1" maximized="1" xWindow="4" yWindow="27" windowWidth="1596" windowHeight="644" activeSheetId="1"/>
  </customWorkbookViews>
  <extLst>
    <ext xmlns:x14="http://schemas.microsoft.com/office/spreadsheetml/2009/9/main" uri="{79F54976-1DA5-4618-B147-4CDE4B953A38}">
      <x14:workbookPr/>
    </ext>
    <ext xmlns:x15="http://schemas.microsoft.com/office/spreadsheetml/2010/11/main" uri="{46BE6895-7355-4a93-B00E-2C351335B9C9}">
      <x15:slicerCaches xmlns:x14="http://schemas.microsoft.com/office/spreadsheetml/2009/9/main">
        <x14:slicerCache r:id="rId5"/>
        <x14:slicerCache r:id="rId6"/>
        <x14:slicerCache r:id="rId7"/>
        <x14:slicerCache r:id="rId8"/>
      </x15:slicerCaches>
    </ex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527" i="30" l="1"/>
  <c r="B526" i="30" l="1"/>
  <c r="B525" i="30" l="1"/>
  <c r="B535" i="30" l="1"/>
  <c r="B311" i="30" l="1"/>
  <c r="B524" i="30" l="1"/>
  <c r="B659" i="30" l="1"/>
  <c r="B249" i="30" l="1"/>
  <c r="B310" i="30" l="1"/>
  <c r="B458" i="30" l="1"/>
  <c r="B534" i="30" l="1"/>
  <c r="B494" i="30"/>
  <c r="B523" i="30" l="1"/>
  <c r="C29" i="33" l="1"/>
  <c r="A29" i="33"/>
  <c r="C28" i="33"/>
  <c r="A28" i="33"/>
  <c r="C27" i="33"/>
  <c r="A27" i="33"/>
  <c r="C26" i="33"/>
  <c r="A26" i="33"/>
  <c r="C25" i="33"/>
  <c r="A25" i="33"/>
  <c r="C24" i="33"/>
  <c r="A24" i="33"/>
  <c r="C23" i="33"/>
  <c r="A23" i="33"/>
  <c r="C22" i="33"/>
  <c r="A22" i="33"/>
  <c r="C21" i="33"/>
  <c r="A21" i="33"/>
  <c r="C20" i="33"/>
  <c r="A20" i="33"/>
  <c r="C19" i="33"/>
  <c r="A19" i="33"/>
  <c r="C18" i="33"/>
  <c r="A18" i="33"/>
  <c r="C17" i="33"/>
  <c r="A17" i="33"/>
  <c r="C16" i="33"/>
  <c r="A16" i="33"/>
  <c r="C15" i="33"/>
  <c r="A15" i="33"/>
  <c r="C14" i="33"/>
  <c r="A14" i="33"/>
  <c r="C13" i="33"/>
  <c r="A13" i="33"/>
  <c r="C12" i="33"/>
  <c r="A12" i="33"/>
  <c r="C11" i="33"/>
  <c r="A11" i="33"/>
  <c r="C10" i="33"/>
  <c r="A10" i="33"/>
  <c r="C9" i="33"/>
  <c r="A9" i="33"/>
  <c r="C8" i="33"/>
  <c r="A8" i="33"/>
  <c r="C7" i="33"/>
  <c r="A7" i="33"/>
  <c r="C6" i="33"/>
  <c r="A6" i="33"/>
  <c r="C5" i="33"/>
  <c r="A5" i="33"/>
  <c r="C4" i="33"/>
  <c r="A4" i="33"/>
  <c r="C3" i="33"/>
  <c r="A3" i="33"/>
  <c r="B665" i="30"/>
  <c r="B667" i="30"/>
  <c r="B666" i="30"/>
  <c r="B664" i="30"/>
  <c r="B668" i="30"/>
  <c r="B663" i="30"/>
  <c r="B660" i="30"/>
  <c r="B662" i="30"/>
  <c r="B661" i="30"/>
  <c r="B656" i="30"/>
  <c r="B655" i="30"/>
  <c r="B658" i="30"/>
  <c r="B657" i="30"/>
  <c r="B628" i="30"/>
  <c r="B648" i="30"/>
  <c r="B620" i="30"/>
  <c r="B619" i="30"/>
  <c r="B637" i="30"/>
  <c r="B633" i="30"/>
  <c r="B624" i="30"/>
  <c r="B611" i="30"/>
  <c r="B602" i="30"/>
  <c r="B601" i="30"/>
  <c r="B600" i="30"/>
  <c r="B638" i="30"/>
  <c r="B632" i="30"/>
  <c r="B621" i="30"/>
  <c r="B599" i="30"/>
  <c r="B642" i="30"/>
  <c r="B618" i="30"/>
  <c r="B627" i="30"/>
  <c r="B603" i="30"/>
  <c r="B617" i="30"/>
  <c r="B616" i="30"/>
  <c r="B598" i="30"/>
  <c r="B597" i="30"/>
  <c r="B652" i="30"/>
  <c r="B606" i="30"/>
  <c r="B630" i="30"/>
  <c r="B608" i="30"/>
  <c r="B641" i="30"/>
  <c r="B596" i="30"/>
  <c r="B595" i="30"/>
  <c r="B594" i="30"/>
  <c r="B593" i="30"/>
  <c r="B592" i="30"/>
  <c r="B591" i="30"/>
  <c r="B605" i="30"/>
  <c r="B604" i="30"/>
  <c r="B590" i="30"/>
  <c r="B589" i="30"/>
  <c r="B588" i="30"/>
  <c r="B587" i="30"/>
  <c r="B586" i="30"/>
  <c r="B585" i="30"/>
  <c r="B640" i="30"/>
  <c r="B609" i="30"/>
  <c r="B584" i="30"/>
  <c r="B607" i="30"/>
  <c r="B583" i="30"/>
  <c r="B582" i="30"/>
  <c r="B581" i="30"/>
  <c r="B580" i="30"/>
  <c r="B615" i="30"/>
  <c r="B614" i="30"/>
  <c r="B610" i="30"/>
  <c r="B622" i="30"/>
  <c r="B629" i="30"/>
  <c r="B626" i="30"/>
  <c r="B625" i="30"/>
  <c r="B636" i="30"/>
  <c r="B623" i="30"/>
  <c r="B647" i="30"/>
  <c r="B645" i="30"/>
  <c r="B639" i="30"/>
  <c r="B654" i="30"/>
  <c r="B643" i="30"/>
  <c r="B644" i="30"/>
  <c r="B646" i="30"/>
  <c r="B635" i="30"/>
  <c r="B634" i="30"/>
  <c r="B649" i="30"/>
  <c r="B650" i="30"/>
  <c r="B613" i="30"/>
  <c r="B612" i="30"/>
  <c r="B631" i="30"/>
  <c r="B653" i="30"/>
  <c r="B651" i="30"/>
  <c r="B558" i="30"/>
  <c r="B578" i="30"/>
  <c r="B573" i="30"/>
  <c r="B557" i="30"/>
  <c r="B571" i="30"/>
  <c r="B556" i="30"/>
  <c r="B570" i="30"/>
  <c r="B555" i="30"/>
  <c r="B562" i="30"/>
  <c r="B563" i="30"/>
  <c r="B577" i="30"/>
  <c r="B576" i="30"/>
  <c r="B561" i="30"/>
  <c r="B560" i="30"/>
  <c r="B559" i="30"/>
  <c r="B554" i="30"/>
  <c r="B564" i="30"/>
  <c r="B568" i="30"/>
  <c r="B569" i="30"/>
  <c r="B567" i="30"/>
  <c r="B574" i="30"/>
  <c r="B575" i="30"/>
  <c r="B579" i="30"/>
  <c r="B565" i="30"/>
  <c r="B566" i="30"/>
  <c r="B572" i="30"/>
  <c r="B553" i="30"/>
  <c r="B552" i="30"/>
  <c r="B551" i="30"/>
  <c r="B550" i="30"/>
  <c r="B536" i="30"/>
  <c r="B549" i="30"/>
  <c r="B548" i="30"/>
  <c r="B547" i="30"/>
  <c r="B546" i="30"/>
  <c r="B545" i="30"/>
  <c r="B544" i="30"/>
  <c r="B543" i="30"/>
  <c r="B537" i="30"/>
  <c r="B542" i="30"/>
  <c r="B541" i="30"/>
  <c r="B540" i="30"/>
  <c r="B539" i="30"/>
  <c r="B538" i="30"/>
  <c r="B532" i="30"/>
  <c r="B531" i="30"/>
  <c r="B533" i="30"/>
  <c r="B528" i="30"/>
  <c r="B529" i="30"/>
  <c r="B530" i="30"/>
  <c r="B514" i="30"/>
  <c r="B515" i="30"/>
  <c r="B507" i="30"/>
  <c r="B509" i="30"/>
  <c r="B517" i="30"/>
  <c r="B506" i="30"/>
  <c r="B503" i="30"/>
  <c r="B499" i="30"/>
  <c r="B518" i="30"/>
  <c r="B500" i="30"/>
  <c r="B498" i="30"/>
  <c r="B497" i="30"/>
  <c r="B496" i="30"/>
  <c r="B513" i="30"/>
  <c r="B516" i="30"/>
  <c r="B504" i="30"/>
  <c r="B495" i="30"/>
  <c r="B511" i="30"/>
  <c r="B502" i="30"/>
  <c r="B501" i="30"/>
  <c r="B508" i="30"/>
  <c r="B510" i="30"/>
  <c r="B519" i="30"/>
  <c r="B522" i="30"/>
  <c r="B520" i="30"/>
  <c r="B512" i="30"/>
  <c r="B505" i="30"/>
  <c r="B521" i="30"/>
  <c r="B486" i="30"/>
  <c r="B482" i="30"/>
  <c r="B479" i="30"/>
  <c r="B475" i="30"/>
  <c r="B470" i="30"/>
  <c r="B491" i="30"/>
  <c r="B471" i="30"/>
  <c r="B467" i="30"/>
  <c r="B462" i="30"/>
  <c r="B459" i="30"/>
  <c r="B465" i="30"/>
  <c r="B480" i="30"/>
  <c r="B477" i="30"/>
  <c r="B476" i="30"/>
  <c r="B474" i="30"/>
  <c r="B483" i="30"/>
  <c r="B473" i="30"/>
  <c r="B463" i="30"/>
  <c r="B490" i="30"/>
  <c r="B488" i="30"/>
  <c r="B466" i="30"/>
  <c r="B460" i="30"/>
  <c r="B468" i="30"/>
  <c r="B485" i="30"/>
  <c r="B469" i="30"/>
  <c r="B461" i="30"/>
  <c r="B472" i="30"/>
  <c r="B489" i="30"/>
  <c r="B464" i="30"/>
  <c r="B492" i="30"/>
  <c r="B493" i="30"/>
  <c r="B481" i="30"/>
  <c r="B478" i="30"/>
  <c r="B487" i="30"/>
  <c r="B484" i="30"/>
  <c r="B454" i="30"/>
  <c r="B453" i="30"/>
  <c r="B452" i="30"/>
  <c r="B456" i="30"/>
  <c r="B455" i="30"/>
  <c r="B457" i="30"/>
  <c r="B443" i="30"/>
  <c r="B431" i="30"/>
  <c r="B426" i="30"/>
  <c r="B433" i="30"/>
  <c r="B442" i="30"/>
  <c r="B434" i="30"/>
  <c r="B435" i="30"/>
  <c r="B428" i="30"/>
  <c r="B430" i="30"/>
  <c r="B427" i="30"/>
  <c r="B432" i="30"/>
  <c r="B440" i="30"/>
  <c r="B438" i="30"/>
  <c r="B437" i="30"/>
  <c r="B445" i="30"/>
  <c r="B449" i="30"/>
  <c r="B451" i="30"/>
  <c r="B439" i="30"/>
  <c r="B444" i="30"/>
  <c r="B436" i="30"/>
  <c r="B429" i="30"/>
  <c r="B450" i="30"/>
  <c r="B447" i="30"/>
  <c r="B448" i="30"/>
  <c r="B441" i="30"/>
  <c r="B446" i="30"/>
  <c r="B403" i="30"/>
  <c r="B395" i="30"/>
  <c r="B408" i="30"/>
  <c r="B405" i="30"/>
  <c r="B418" i="30"/>
  <c r="B406" i="30"/>
  <c r="B407" i="30"/>
  <c r="B397" i="30"/>
  <c r="B394" i="30"/>
  <c r="B400" i="30"/>
  <c r="B396" i="30"/>
  <c r="B398" i="30"/>
  <c r="B404" i="30"/>
  <c r="B402" i="30"/>
  <c r="B393" i="30"/>
  <c r="B401" i="30"/>
  <c r="B411" i="30"/>
  <c r="B416" i="30"/>
  <c r="B414" i="30"/>
  <c r="B413" i="30"/>
  <c r="B425" i="30"/>
  <c r="B410" i="30"/>
  <c r="B420" i="30"/>
  <c r="B423" i="30"/>
  <c r="B424" i="30"/>
  <c r="B415" i="30"/>
  <c r="B419" i="30"/>
  <c r="B392" i="30"/>
  <c r="B391" i="30"/>
  <c r="B409" i="30"/>
  <c r="B399" i="30"/>
  <c r="B412" i="30"/>
  <c r="B422" i="30"/>
  <c r="B417" i="30"/>
  <c r="B421" i="30"/>
  <c r="B380" i="30"/>
  <c r="B377" i="30"/>
  <c r="B381" i="30"/>
  <c r="B379" i="30"/>
  <c r="B378" i="30"/>
  <c r="B376" i="30"/>
  <c r="B385" i="30"/>
  <c r="B383" i="30"/>
  <c r="B389" i="30"/>
  <c r="B387" i="30"/>
  <c r="B390" i="30"/>
  <c r="B384" i="30"/>
  <c r="B386" i="30"/>
  <c r="B375" i="30"/>
  <c r="B374" i="30"/>
  <c r="B382" i="30"/>
  <c r="B388" i="30"/>
  <c r="B373" i="30"/>
  <c r="B372" i="30"/>
  <c r="B370" i="30"/>
  <c r="B371" i="30"/>
  <c r="B363" i="30"/>
  <c r="B369" i="30"/>
  <c r="B368" i="30"/>
  <c r="B367" i="30"/>
  <c r="B366" i="30"/>
  <c r="B365" i="30"/>
  <c r="B364" i="30"/>
  <c r="B339" i="30"/>
  <c r="B329" i="30"/>
  <c r="B328" i="30"/>
  <c r="B338" i="30"/>
  <c r="B337" i="30"/>
  <c r="B336" i="30"/>
  <c r="B353" i="30"/>
  <c r="B352" i="30"/>
  <c r="B355" i="30"/>
  <c r="B330" i="30"/>
  <c r="B327" i="30"/>
  <c r="B333" i="30"/>
  <c r="B326" i="30"/>
  <c r="B331" i="30"/>
  <c r="B325" i="30"/>
  <c r="B324" i="30"/>
  <c r="B323" i="30"/>
  <c r="B340" i="30"/>
  <c r="B332" i="30"/>
  <c r="B345" i="30"/>
  <c r="B351" i="30"/>
  <c r="B343" i="30"/>
  <c r="B346" i="30"/>
  <c r="B344" i="30"/>
  <c r="B348" i="30"/>
  <c r="B341" i="30"/>
  <c r="B354" i="30"/>
  <c r="B342" i="30"/>
  <c r="B334" i="30"/>
  <c r="B322" i="30"/>
  <c r="B321" i="30"/>
  <c r="B320" i="30"/>
  <c r="B319" i="30"/>
  <c r="B335" i="30"/>
  <c r="B318" i="30"/>
  <c r="B357" i="30"/>
  <c r="B350" i="30"/>
  <c r="B358" i="30"/>
  <c r="B362" i="30"/>
  <c r="B356" i="30"/>
  <c r="B360" i="30"/>
  <c r="B359" i="30"/>
  <c r="B361" i="30"/>
  <c r="B349" i="30"/>
  <c r="B347" i="30"/>
  <c r="B317" i="30"/>
  <c r="B315" i="30"/>
  <c r="B314" i="30"/>
  <c r="B313" i="30"/>
  <c r="B312" i="30"/>
  <c r="B316" i="30"/>
  <c r="B297" i="30"/>
  <c r="B291" i="30"/>
  <c r="B265" i="30"/>
  <c r="B283" i="30"/>
  <c r="B252" i="30"/>
  <c r="B263" i="30"/>
  <c r="B264" i="30"/>
  <c r="B276" i="30"/>
  <c r="B267" i="30"/>
  <c r="B277" i="30"/>
  <c r="B266" i="30"/>
  <c r="B274" i="30"/>
  <c r="B261" i="30"/>
  <c r="B279" i="30"/>
  <c r="B293" i="30"/>
  <c r="B304" i="30"/>
  <c r="B296" i="30"/>
  <c r="B269" i="30"/>
  <c r="B281" i="30"/>
  <c r="B260" i="30"/>
  <c r="B272" i="30"/>
  <c r="B268" i="30"/>
  <c r="B282" i="30"/>
  <c r="B275" i="30"/>
  <c r="B270" i="30"/>
  <c r="B251" i="30"/>
  <c r="B259" i="30"/>
  <c r="B258" i="30"/>
  <c r="B250" i="30"/>
  <c r="B257" i="30"/>
  <c r="B280" i="30"/>
  <c r="B271" i="30"/>
  <c r="B303" i="30"/>
  <c r="B256" i="30"/>
  <c r="B255" i="30"/>
  <c r="B254" i="30"/>
  <c r="B294" i="30"/>
  <c r="B302" i="30"/>
  <c r="B285" i="30"/>
  <c r="B292" i="30"/>
  <c r="B284" i="30"/>
  <c r="B308" i="30"/>
  <c r="B289" i="30"/>
  <c r="B290" i="30"/>
  <c r="B278" i="30"/>
  <c r="B273" i="30"/>
  <c r="B307" i="30"/>
  <c r="B298" i="30"/>
  <c r="B300" i="30"/>
  <c r="B309" i="30"/>
  <c r="B295" i="30"/>
  <c r="B301" i="30"/>
  <c r="B287" i="30"/>
  <c r="B305" i="30"/>
  <c r="B253" i="30"/>
  <c r="B262" i="30"/>
  <c r="B299" i="30"/>
  <c r="B288" i="30"/>
  <c r="B286" i="30"/>
  <c r="B306" i="30"/>
  <c r="B223" i="30"/>
  <c r="B216" i="30"/>
  <c r="B230" i="30"/>
  <c r="B226" i="30"/>
  <c r="B218" i="30"/>
  <c r="B240" i="30"/>
  <c r="B221" i="30"/>
  <c r="B222" i="30"/>
  <c r="B220" i="30"/>
  <c r="B241" i="30"/>
  <c r="B227" i="30"/>
  <c r="B225" i="30"/>
  <c r="B219" i="30"/>
  <c r="B232" i="30"/>
  <c r="B242" i="30"/>
  <c r="B239" i="30"/>
  <c r="B237" i="30"/>
  <c r="B224" i="30"/>
  <c r="B244" i="30"/>
  <c r="B246" i="30"/>
  <c r="B234" i="30"/>
  <c r="B217" i="30"/>
  <c r="B243" i="30"/>
  <c r="B247" i="30"/>
  <c r="B248" i="30"/>
  <c r="B235" i="30"/>
  <c r="B233" i="30"/>
  <c r="B228" i="30"/>
  <c r="B236" i="30"/>
  <c r="B231" i="30"/>
  <c r="B229" i="30"/>
  <c r="B245" i="30"/>
  <c r="B238" i="30"/>
  <c r="B207" i="30"/>
  <c r="B206" i="30"/>
  <c r="B205" i="30"/>
  <c r="B204" i="30"/>
  <c r="B211" i="30"/>
  <c r="B208" i="30"/>
  <c r="B215" i="30"/>
  <c r="B212" i="30"/>
  <c r="B214" i="30"/>
  <c r="B210" i="30"/>
  <c r="B209" i="30"/>
  <c r="B213" i="30"/>
  <c r="B203" i="30"/>
  <c r="B194" i="30"/>
  <c r="B193" i="30"/>
  <c r="B185" i="30"/>
  <c r="B202" i="30"/>
  <c r="B192" i="30"/>
  <c r="B191" i="30"/>
  <c r="B190" i="30"/>
  <c r="B198" i="30"/>
  <c r="B189" i="30"/>
  <c r="B188" i="30"/>
  <c r="B195" i="30"/>
  <c r="B184" i="30"/>
  <c r="B196" i="30"/>
  <c r="B197" i="30"/>
  <c r="B199" i="30"/>
  <c r="B200" i="30"/>
  <c r="B187" i="30"/>
  <c r="B186" i="30"/>
  <c r="B201" i="30"/>
  <c r="B180" i="30"/>
  <c r="B179" i="30"/>
  <c r="B178" i="30"/>
  <c r="B177" i="30"/>
  <c r="B176" i="30"/>
  <c r="B175" i="30"/>
  <c r="B181" i="30"/>
  <c r="B182" i="30"/>
  <c r="B174" i="30"/>
  <c r="B173" i="30"/>
  <c r="B172" i="30"/>
  <c r="B183" i="30"/>
  <c r="B155" i="30"/>
  <c r="B154" i="30"/>
  <c r="B153" i="30"/>
  <c r="B105" i="30"/>
  <c r="B129" i="30"/>
  <c r="B152" i="30"/>
  <c r="B137" i="30"/>
  <c r="B151" i="30"/>
  <c r="B150" i="30"/>
  <c r="B134" i="30"/>
  <c r="B149" i="30"/>
  <c r="B148" i="30"/>
  <c r="B147" i="30"/>
  <c r="B146" i="30"/>
  <c r="B145" i="30"/>
  <c r="B144" i="30"/>
  <c r="B120" i="30"/>
  <c r="B136" i="30"/>
  <c r="B128" i="30"/>
  <c r="B127" i="30"/>
  <c r="B131" i="30"/>
  <c r="B119" i="30"/>
  <c r="B118" i="30"/>
  <c r="B117" i="30"/>
  <c r="B115" i="30"/>
  <c r="B116" i="30"/>
  <c r="B130" i="30"/>
  <c r="B123" i="30"/>
  <c r="B122" i="30"/>
  <c r="B121" i="30"/>
  <c r="B126" i="30"/>
  <c r="B125" i="30"/>
  <c r="B107" i="30"/>
  <c r="B106" i="30"/>
  <c r="B114" i="30"/>
  <c r="B113" i="30"/>
  <c r="B112" i="30"/>
  <c r="B111" i="30"/>
  <c r="B110" i="30"/>
  <c r="B109" i="30"/>
  <c r="B108" i="30"/>
  <c r="B160" i="30"/>
  <c r="B162" i="30"/>
  <c r="B159" i="30"/>
  <c r="B158" i="30"/>
  <c r="B157" i="30"/>
  <c r="B167" i="30"/>
  <c r="B132" i="30"/>
  <c r="B104" i="30"/>
  <c r="B163" i="30"/>
  <c r="B133" i="30"/>
  <c r="B143" i="30"/>
  <c r="B166" i="30"/>
  <c r="B168" i="30"/>
  <c r="B142" i="30"/>
  <c r="B169" i="30"/>
  <c r="B156" i="30"/>
  <c r="B135" i="30"/>
  <c r="B165" i="30"/>
  <c r="B141" i="30"/>
  <c r="B140" i="30"/>
  <c r="B139" i="30"/>
  <c r="B164" i="30"/>
  <c r="B161" i="30"/>
  <c r="B124" i="30"/>
  <c r="B138" i="30"/>
  <c r="B171" i="30"/>
  <c r="B170" i="30"/>
  <c r="B93" i="30"/>
  <c r="B89" i="30"/>
  <c r="B95" i="30"/>
  <c r="B88" i="30"/>
  <c r="B94" i="30"/>
  <c r="B87" i="30"/>
  <c r="B86" i="30"/>
  <c r="B85" i="30"/>
  <c r="B99" i="30"/>
  <c r="B97" i="30"/>
  <c r="B84" i="30"/>
  <c r="B83" i="30"/>
  <c r="B82" i="30"/>
  <c r="B81" i="30"/>
  <c r="B91" i="30"/>
  <c r="B80" i="30"/>
  <c r="B79" i="30"/>
  <c r="B78" i="30"/>
  <c r="B90" i="30"/>
  <c r="B77" i="30"/>
  <c r="B76" i="30"/>
  <c r="B75" i="30"/>
  <c r="B74" i="30"/>
  <c r="B73" i="30"/>
  <c r="B96" i="30"/>
  <c r="B101" i="30"/>
  <c r="B102" i="30"/>
  <c r="B92" i="30"/>
  <c r="B100" i="30"/>
  <c r="B98" i="30"/>
  <c r="B103" i="30"/>
  <c r="B70" i="30"/>
  <c r="B72" i="30"/>
  <c r="B71" i="30"/>
  <c r="B69" i="30"/>
  <c r="B68" i="30"/>
  <c r="B66" i="30"/>
  <c r="B67" i="30"/>
  <c r="B56" i="30"/>
  <c r="B62" i="30"/>
  <c r="B55" i="30"/>
  <c r="B61" i="30"/>
  <c r="B65" i="30"/>
  <c r="B60" i="30"/>
  <c r="B59" i="30"/>
  <c r="B64" i="30"/>
  <c r="B58" i="30"/>
  <c r="B57" i="30"/>
  <c r="B63" i="30"/>
  <c r="B53" i="30"/>
  <c r="B50" i="30"/>
  <c r="B49" i="30"/>
  <c r="B52" i="30"/>
  <c r="B51" i="30"/>
  <c r="B15" i="30"/>
  <c r="B14" i="30"/>
  <c r="B13" i="30"/>
  <c r="B25" i="30"/>
  <c r="B12" i="30"/>
  <c r="B46" i="30"/>
  <c r="B35" i="30"/>
  <c r="B22" i="30"/>
  <c r="B21" i="30"/>
  <c r="B20" i="30"/>
  <c r="B11" i="30"/>
  <c r="B34" i="30"/>
  <c r="B10" i="30"/>
  <c r="B33" i="30"/>
  <c r="B9" i="30"/>
  <c r="B18" i="30"/>
  <c r="B8" i="30"/>
  <c r="B42" i="30"/>
  <c r="B43" i="30"/>
  <c r="B26" i="30"/>
  <c r="B19" i="30"/>
  <c r="B28" i="30"/>
  <c r="B23" i="30"/>
  <c r="B17" i="30"/>
  <c r="B16" i="30"/>
  <c r="B7" i="30"/>
  <c r="B6" i="30"/>
  <c r="B5" i="30"/>
  <c r="B38" i="30"/>
  <c r="B4" i="30"/>
  <c r="B31" i="30"/>
  <c r="B39" i="30"/>
  <c r="B29" i="30"/>
  <c r="B44" i="30"/>
  <c r="B30" i="30"/>
  <c r="B40" i="30"/>
  <c r="B41" i="30"/>
  <c r="B32" i="30"/>
  <c r="B36" i="30"/>
  <c r="B48" i="30"/>
  <c r="B47" i="30"/>
  <c r="B27" i="30"/>
  <c r="B45" i="30"/>
  <c r="B24" i="30"/>
  <c r="B37" i="30"/>
</calcChain>
</file>

<file path=xl/sharedStrings.xml><?xml version="1.0" encoding="utf-8"?>
<sst xmlns="http://schemas.openxmlformats.org/spreadsheetml/2006/main" count="6358" uniqueCount="2004">
  <si>
    <t>事業所名称</t>
  </si>
  <si>
    <t>富山市奥田新町８番１号ボルファートとやま１０４号</t>
  </si>
  <si>
    <t>076-471-7455</t>
  </si>
  <si>
    <t>930-0936</t>
  </si>
  <si>
    <t>アースサポート富山</t>
  </si>
  <si>
    <t>076-411-9473</t>
  </si>
  <si>
    <t>076-471-8646</t>
  </si>
  <si>
    <t>短期入所</t>
    <rPh sb="0" eb="2">
      <t>タンキ</t>
    </rPh>
    <rPh sb="2" eb="4">
      <t>ニュウショ</t>
    </rPh>
    <phoneticPr fontId="21"/>
  </si>
  <si>
    <t>富山市長江新町二丁目５番４３号</t>
  </si>
  <si>
    <t>076-461-4751</t>
  </si>
  <si>
    <t>0765-32-3008</t>
  </si>
  <si>
    <t>富山市稲代１０２０番地３</t>
  </si>
  <si>
    <t>ゆりの木の里相談支援事業所</t>
  </si>
  <si>
    <t>株式会社ジャッカル</t>
  </si>
  <si>
    <t>076-461-4752</t>
  </si>
  <si>
    <t>076-427-1115</t>
  </si>
  <si>
    <t>076-468-8563</t>
  </si>
  <si>
    <t>076-471-8442</t>
  </si>
  <si>
    <t>930-0173</t>
  </si>
  <si>
    <t>ウェルカムハウスつくし</t>
  </si>
  <si>
    <t>ジョブスクールさくらだに</t>
  </si>
  <si>
    <t>相談支援事業所このゆびとーまれ</t>
  </si>
  <si>
    <t>特定非営利活動法人ふるさとのあかり</t>
  </si>
  <si>
    <t>富山市水橋小路２８７番地１</t>
  </si>
  <si>
    <t>930-2226</t>
  </si>
  <si>
    <t>富山市中島四丁目２番１４号</t>
  </si>
  <si>
    <t>富山市八尾町薄島６３番地２</t>
  </si>
  <si>
    <t>事業所番号</t>
  </si>
  <si>
    <t>株式会社スタッフシュウエイ</t>
    <rPh sb="0" eb="4">
      <t>カブシキガイシャ</t>
    </rPh>
    <phoneticPr fontId="21"/>
  </si>
  <si>
    <t>939-8006</t>
  </si>
  <si>
    <t>076-456-1534</t>
  </si>
  <si>
    <t>アースサポート株式会社</t>
  </si>
  <si>
    <t>076-493-3900</t>
  </si>
  <si>
    <t>076-433-2592</t>
  </si>
  <si>
    <t>076－461-7762</t>
  </si>
  <si>
    <t>939-2304</t>
  </si>
  <si>
    <t>939-8073</t>
  </si>
  <si>
    <t>和敬会生活支援センター</t>
  </si>
  <si>
    <t>076-431-1620</t>
  </si>
  <si>
    <t>0766-86-6686</t>
  </si>
  <si>
    <t>076-434-4321</t>
  </si>
  <si>
    <t>富山市八幡７５０番地３</t>
  </si>
  <si>
    <t>07生活介護</t>
    <rPh sb="2" eb="4">
      <t>セイカツ</t>
    </rPh>
    <rPh sb="4" eb="6">
      <t>カイゴ</t>
    </rPh>
    <phoneticPr fontId="21"/>
  </si>
  <si>
    <t>ヴィストカレッジ富山県庁前</t>
  </si>
  <si>
    <t>事業所所在地</t>
    <rPh sb="0" eb="3">
      <t>ジギョウショ</t>
    </rPh>
    <rPh sb="3" eb="6">
      <t>ショザイチ</t>
    </rPh>
    <phoneticPr fontId="21"/>
  </si>
  <si>
    <t>ジョブステーションさくら下熊野事業所</t>
  </si>
  <si>
    <t>グループホーム「フレンズ」</t>
  </si>
  <si>
    <t>939-0627</t>
  </si>
  <si>
    <t>076-422-7400</t>
  </si>
  <si>
    <t>076-469-6302</t>
  </si>
  <si>
    <t>076-462-9366</t>
  </si>
  <si>
    <t>076-407-5778</t>
  </si>
  <si>
    <t>076-482-3373</t>
  </si>
  <si>
    <t>930-0138</t>
  </si>
  <si>
    <t>富山市水橋辻ヶ堂８４２番地１</t>
  </si>
  <si>
    <t>930-0075</t>
  </si>
  <si>
    <t>076-441-5005</t>
  </si>
  <si>
    <t>076-432-1574</t>
  </si>
  <si>
    <t>076-422-7410</t>
  </si>
  <si>
    <t>076-455-3536</t>
  </si>
  <si>
    <t>076-471-8773</t>
  </si>
  <si>
    <t>オークス株式会社</t>
  </si>
  <si>
    <t>つくしの家</t>
  </si>
  <si>
    <t>076-407-5557</t>
  </si>
  <si>
    <t>076-492-8815</t>
  </si>
  <si>
    <t>ワークハウス連帯</t>
  </si>
  <si>
    <t>しらいわ苑ホームヘルパーセンター</t>
  </si>
  <si>
    <t>富山市西金屋６６９４番地４</t>
  </si>
  <si>
    <t>富山市高田５２７番地富山県総合情報センタービル</t>
  </si>
  <si>
    <t>076-429-3579</t>
  </si>
  <si>
    <t>076-466-0910</t>
  </si>
  <si>
    <t>930-0801</t>
  </si>
  <si>
    <t>076-442-5096</t>
  </si>
  <si>
    <t>12就労継続支援Ｂ型</t>
    <rPh sb="2" eb="4">
      <t>シュウロウ</t>
    </rPh>
    <rPh sb="4" eb="6">
      <t>ケイゾク</t>
    </rPh>
    <rPh sb="6" eb="8">
      <t>シエン</t>
    </rPh>
    <rPh sb="9" eb="10">
      <t>ガタ</t>
    </rPh>
    <phoneticPr fontId="21"/>
  </si>
  <si>
    <t>076-461-5469</t>
  </si>
  <si>
    <t>939-3535</t>
  </si>
  <si>
    <t>076-431-3186</t>
  </si>
  <si>
    <t>さんらいず</t>
  </si>
  <si>
    <t>939-8114</t>
  </si>
  <si>
    <t>相談支援事業所けやき</t>
  </si>
  <si>
    <t>めひの自閉症地域生活支援センター</t>
  </si>
  <si>
    <t>オークスヘルパーステーション</t>
  </si>
  <si>
    <t>930-0803</t>
  </si>
  <si>
    <t>076-432-1198</t>
  </si>
  <si>
    <t>939-3553</t>
  </si>
  <si>
    <t>社会福祉法人けやき苑</t>
  </si>
  <si>
    <t>富山型デイサービス赤とんぼ</t>
  </si>
  <si>
    <t>自立した日常生活又は社会生活ができるよう、一定期間、身体機能の向上のために必要な訓練を行います。</t>
    <rPh sb="0" eb="2">
      <t>ジリツ</t>
    </rPh>
    <rPh sb="4" eb="6">
      <t>ニチジョウ</t>
    </rPh>
    <rPh sb="6" eb="8">
      <t>セイカツ</t>
    </rPh>
    <rPh sb="8" eb="9">
      <t>マタ</t>
    </rPh>
    <rPh sb="10" eb="12">
      <t>シャカイ</t>
    </rPh>
    <rPh sb="12" eb="14">
      <t>セイカツ</t>
    </rPh>
    <rPh sb="21" eb="23">
      <t>イッテイ</t>
    </rPh>
    <rPh sb="23" eb="25">
      <t>キカン</t>
    </rPh>
    <rPh sb="26" eb="28">
      <t>シンタイ</t>
    </rPh>
    <rPh sb="28" eb="30">
      <t>キノウ</t>
    </rPh>
    <rPh sb="31" eb="33">
      <t>コウジョウ</t>
    </rPh>
    <rPh sb="37" eb="39">
      <t>ヒツヨウ</t>
    </rPh>
    <rPh sb="40" eb="42">
      <t>クンレン</t>
    </rPh>
    <rPh sb="43" eb="44">
      <t>オコナ</t>
    </rPh>
    <phoneticPr fontId="21"/>
  </si>
  <si>
    <t>076-415-4347</t>
  </si>
  <si>
    <t>076-481-7323</t>
  </si>
  <si>
    <t>076-431-7337</t>
  </si>
  <si>
    <t>939-3552</t>
  </si>
  <si>
    <t>あすなろセンター</t>
  </si>
  <si>
    <t>931-8517</t>
  </si>
  <si>
    <t>一般企業等での就労が困難な人に、働く場を提供するとともに、知識及び能力の向上のために必要な訓練を行います。</t>
  </si>
  <si>
    <t>931-8423</t>
  </si>
  <si>
    <t>076-436-3515</t>
  </si>
  <si>
    <t>076-461-5470</t>
  </si>
  <si>
    <t>930-0166</t>
  </si>
  <si>
    <t>930-1459</t>
  </si>
  <si>
    <t>076-467-4481</t>
  </si>
  <si>
    <t>076-471-6799</t>
  </si>
  <si>
    <t>076-481-6884</t>
  </si>
  <si>
    <t>930-0103</t>
  </si>
  <si>
    <t>939-8045</t>
  </si>
  <si>
    <t>コスモスの里大江干</t>
  </si>
  <si>
    <t>076-454-2231</t>
  </si>
  <si>
    <t>931-8336</t>
  </si>
  <si>
    <t>喜寿苑デイサービスセンター</t>
  </si>
  <si>
    <t>特定非営利活動法人こころみの郷</t>
  </si>
  <si>
    <t>ハッピーとやま</t>
  </si>
  <si>
    <t>076-420-5254</t>
  </si>
  <si>
    <t>076-461-4922</t>
  </si>
  <si>
    <t>939-0534</t>
  </si>
  <si>
    <t>076-411-9666</t>
  </si>
  <si>
    <t>どんぐり工房</t>
  </si>
  <si>
    <t>076-471-6132</t>
  </si>
  <si>
    <t>076-434-8100</t>
  </si>
  <si>
    <t>ヘルパーステーションコクエー</t>
  </si>
  <si>
    <t>076-483-8661</t>
  </si>
  <si>
    <t>076-434-4361</t>
  </si>
  <si>
    <t>ショートステイほほえみの丘</t>
  </si>
  <si>
    <t>076-494-2881</t>
  </si>
  <si>
    <t>939-8222</t>
  </si>
  <si>
    <t>ひまわり</t>
  </si>
  <si>
    <t>076-434-8150</t>
  </si>
  <si>
    <t>富山市石金二丁目４番６号アートビル３</t>
  </si>
  <si>
    <t>和敬会生活訓練センター</t>
  </si>
  <si>
    <t>939-8063</t>
  </si>
  <si>
    <t>富山市奥井町４番３６号</t>
  </si>
  <si>
    <t>医療法人社団ときわ会</t>
  </si>
  <si>
    <t>076-464-5789</t>
  </si>
  <si>
    <t>ひかりテラス</t>
  </si>
  <si>
    <t>930-0010</t>
  </si>
  <si>
    <t>930-0106</t>
  </si>
  <si>
    <t>グループホーム「つくしん坊」</t>
  </si>
  <si>
    <t>930-2102</t>
  </si>
  <si>
    <t>076-411-6226</t>
  </si>
  <si>
    <t>株式会社ワークスタイル</t>
  </si>
  <si>
    <t>939-2692</t>
  </si>
  <si>
    <t>医療法人社団功連会</t>
  </si>
  <si>
    <t>930-8453</t>
  </si>
  <si>
    <t>スマイルワン</t>
  </si>
  <si>
    <t>とやま生協ゆとり～な</t>
  </si>
  <si>
    <t>076-422-0260</t>
  </si>
  <si>
    <t>株式会社がる</t>
    <rPh sb="0" eb="4">
      <t>カブシキガイシャ</t>
    </rPh>
    <phoneticPr fontId="21"/>
  </si>
  <si>
    <t>076-411-7836</t>
  </si>
  <si>
    <t>939-8046</t>
  </si>
  <si>
    <t>医療法人社団四方会</t>
  </si>
  <si>
    <t>076-422-8898</t>
  </si>
  <si>
    <t>939-2704</t>
  </si>
  <si>
    <t>076-438-8489</t>
  </si>
  <si>
    <t>076-411-9242</t>
  </si>
  <si>
    <t>自宅で、入浴、排せつ、食事の介護等を行います。</t>
    <rPh sb="0" eb="2">
      <t>ジタク</t>
    </rPh>
    <rPh sb="4" eb="6">
      <t>ニュウヨク</t>
    </rPh>
    <rPh sb="7" eb="8">
      <t>ハイ</t>
    </rPh>
    <rPh sb="11" eb="13">
      <t>ショクジ</t>
    </rPh>
    <rPh sb="14" eb="16">
      <t>カイゴ</t>
    </rPh>
    <rPh sb="16" eb="17">
      <t>トウ</t>
    </rPh>
    <rPh sb="18" eb="19">
      <t>オコナ</t>
    </rPh>
    <phoneticPr fontId="21"/>
  </si>
  <si>
    <t>医療法人社団白雲会</t>
  </si>
  <si>
    <t>939-8071</t>
  </si>
  <si>
    <t>076-471-8774</t>
  </si>
  <si>
    <t>デイサービスセンターふる里の風中田</t>
  </si>
  <si>
    <t>ニチイケアセンター大沢野</t>
  </si>
  <si>
    <t>富山市久方町６番１２号</t>
  </si>
  <si>
    <t>076-442-2808</t>
  </si>
  <si>
    <t>富山市下大久保３８番地１</t>
  </si>
  <si>
    <t>18相談（特定）</t>
    <rPh sb="2" eb="4">
      <t>ソウダン</t>
    </rPh>
    <rPh sb="5" eb="7">
      <t>トクテイ</t>
    </rPh>
    <phoneticPr fontId="21"/>
  </si>
  <si>
    <t>医療法人社団和敬会</t>
  </si>
  <si>
    <t>富山市清水中町１番１４号</t>
  </si>
  <si>
    <t>障害者支援施設やまびこの丘</t>
  </si>
  <si>
    <t>多機能型事業所希望のきずな</t>
  </si>
  <si>
    <t>-</t>
  </si>
  <si>
    <t>相談支援事業所アシスト</t>
  </si>
  <si>
    <t>まちなかハウスぽっけ</t>
  </si>
  <si>
    <t>障害者支援施設わかくさの丘</t>
  </si>
  <si>
    <t>重度訪問介護</t>
  </si>
  <si>
    <t>ガンバ村スペシャルキッズ</t>
  </si>
  <si>
    <t>930-0922</t>
  </si>
  <si>
    <t>076-466-0704</t>
  </si>
  <si>
    <t>62杉原地区</t>
  </si>
  <si>
    <t>076-420-1051</t>
  </si>
  <si>
    <t>合同会社かたれす</t>
  </si>
  <si>
    <t>076-435-3279</t>
  </si>
  <si>
    <t>076-461-5523</t>
  </si>
  <si>
    <t>076-461-3497</t>
  </si>
  <si>
    <t>076-451-5251</t>
  </si>
  <si>
    <t>076-435-3269</t>
  </si>
  <si>
    <t>076-438-8484</t>
  </si>
  <si>
    <t>いずみ</t>
  </si>
  <si>
    <t>立山町上金剛寺２１０番地</t>
  </si>
  <si>
    <t>076-469-0016</t>
  </si>
  <si>
    <t>社会福祉法人富山市社会福祉事業団</t>
  </si>
  <si>
    <t>076-483-8813</t>
  </si>
  <si>
    <t>939-8048</t>
  </si>
  <si>
    <t>富山市神通本町二丁目２番１６号アグロストタワー富山駅前１階</t>
  </si>
  <si>
    <t>076-455-2598</t>
  </si>
  <si>
    <t>23針原</t>
  </si>
  <si>
    <t>お迎え・集団療育型ライトブレインキッズ藤ノ木校</t>
  </si>
  <si>
    <t>株式会社コスモスの里</t>
  </si>
  <si>
    <t>23保育所訪問</t>
    <rPh sb="2" eb="4">
      <t>ホイク</t>
    </rPh>
    <rPh sb="4" eb="5">
      <t>ショ</t>
    </rPh>
    <rPh sb="5" eb="7">
      <t>ホウモン</t>
    </rPh>
    <phoneticPr fontId="21"/>
  </si>
  <si>
    <t>090-1396-1983</t>
  </si>
  <si>
    <t>076-424-3572</t>
  </si>
  <si>
    <t>株式会社システム結</t>
  </si>
  <si>
    <t>076-411-6886</t>
  </si>
  <si>
    <t>662-8003</t>
  </si>
  <si>
    <t>0766-56-6661</t>
  </si>
  <si>
    <t>076-482-4460</t>
  </si>
  <si>
    <t>16施設入所支援</t>
    <rPh sb="2" eb="8">
      <t>シセツニュウショシエン</t>
    </rPh>
    <phoneticPr fontId="21"/>
  </si>
  <si>
    <t>076-434-1322</t>
  </si>
  <si>
    <t>ヴィストカレッジ富山環水公園前</t>
  </si>
  <si>
    <t>ヘルパーステーションわかな</t>
  </si>
  <si>
    <t>ニチイケアセンター富山</t>
  </si>
  <si>
    <t>930-0928</t>
  </si>
  <si>
    <t>076-482-4851</t>
  </si>
  <si>
    <t>076-456-4638</t>
  </si>
  <si>
    <t>あっとほーむ婦中</t>
  </si>
  <si>
    <t>株式会社ニチイ学館</t>
  </si>
  <si>
    <t>ニチイケアセンター安養坊</t>
  </si>
  <si>
    <t>076-466-6888</t>
  </si>
  <si>
    <t>076-482-3815</t>
  </si>
  <si>
    <t>一人暮らしに必要な理解力や生活力を補うため、定期的な巡回訪問等により情報提供や助言を行います。</t>
    <rPh sb="0" eb="2">
      <t>ヒトリ</t>
    </rPh>
    <rPh sb="2" eb="3">
      <t>ク</t>
    </rPh>
    <rPh sb="6" eb="8">
      <t>ヒツヨウ</t>
    </rPh>
    <rPh sb="9" eb="11">
      <t>リカイ</t>
    </rPh>
    <rPh sb="11" eb="12">
      <t>リョク</t>
    </rPh>
    <rPh sb="13" eb="16">
      <t>セイカツリョク</t>
    </rPh>
    <rPh sb="17" eb="18">
      <t>オギナ</t>
    </rPh>
    <rPh sb="22" eb="25">
      <t>テイキテキ</t>
    </rPh>
    <rPh sb="26" eb="28">
      <t>ジュンカイ</t>
    </rPh>
    <rPh sb="28" eb="30">
      <t>ホウモン</t>
    </rPh>
    <rPh sb="30" eb="31">
      <t>トウ</t>
    </rPh>
    <rPh sb="34" eb="36">
      <t>ジョウホウ</t>
    </rPh>
    <rPh sb="36" eb="38">
      <t>テイキョウ</t>
    </rPh>
    <rPh sb="39" eb="41">
      <t>ジョゲン</t>
    </rPh>
    <rPh sb="42" eb="43">
      <t>オコナ</t>
    </rPh>
    <phoneticPr fontId="21"/>
  </si>
  <si>
    <t>930-0881</t>
  </si>
  <si>
    <t>076-461-5300</t>
  </si>
  <si>
    <t>076-439-6566</t>
  </si>
  <si>
    <t>076-442-2551</t>
  </si>
  <si>
    <t>076-461-5081</t>
  </si>
  <si>
    <t>076-439-6889</t>
  </si>
  <si>
    <t>939-2254</t>
  </si>
  <si>
    <t>930-0805</t>
  </si>
  <si>
    <t>076-468-1920</t>
  </si>
  <si>
    <t>076-468-1919</t>
  </si>
  <si>
    <t>ニチイケアセンター婦中</t>
  </si>
  <si>
    <t>939-2717</t>
  </si>
  <si>
    <t>企業組合労協センター事業団</t>
  </si>
  <si>
    <t>076-455-3788</t>
  </si>
  <si>
    <t>930-0035</t>
  </si>
  <si>
    <t>076-466-0701</t>
  </si>
  <si>
    <t>076-468-0557</t>
  </si>
  <si>
    <t>076-407-5777</t>
  </si>
  <si>
    <t>社会福祉法人射水万葉会</t>
  </si>
  <si>
    <t>930-0817</t>
  </si>
  <si>
    <t>076-471-6232</t>
  </si>
  <si>
    <t>秋桜の里</t>
  </si>
  <si>
    <t>ニチイケアセンター堀川</t>
  </si>
  <si>
    <t>076-483-9550</t>
  </si>
  <si>
    <t>076-455-8010</t>
  </si>
  <si>
    <t>076-420-3440</t>
  </si>
  <si>
    <t>かたかごの里</t>
  </si>
  <si>
    <t>株式会社ＴＤＳ絆</t>
  </si>
  <si>
    <t>076-420-0121</t>
  </si>
  <si>
    <t>076-420-3442</t>
  </si>
  <si>
    <t>株式会社ＢＵＺＺＢＵＺＺ</t>
  </si>
  <si>
    <t>富山市婦中町上田島３２番地２</t>
  </si>
  <si>
    <t>076-471-8887</t>
  </si>
  <si>
    <t>株式会社フィール</t>
  </si>
  <si>
    <t>939-8263</t>
  </si>
  <si>
    <t>FAX番号</t>
  </si>
  <si>
    <t>930-0866</t>
  </si>
  <si>
    <t>934-0011</t>
  </si>
  <si>
    <t>ヘルパーセンターフィール</t>
  </si>
  <si>
    <t>特定非営利活動法人神通さくら野会</t>
  </si>
  <si>
    <t>グループホーム静和</t>
  </si>
  <si>
    <t>939-8072</t>
  </si>
  <si>
    <t>富山市二口町一丁目１５番地１３シティパレス３２６１階</t>
  </si>
  <si>
    <t>セーナー苑グループホームほのか</t>
  </si>
  <si>
    <t>076-413-3730</t>
  </si>
  <si>
    <t>株式会社ケアサービス布目</t>
  </si>
  <si>
    <t>939-8281</t>
  </si>
  <si>
    <t>デイサービス花みずき</t>
  </si>
  <si>
    <t>076-494-2880</t>
  </si>
  <si>
    <t>939-8208</t>
  </si>
  <si>
    <t>076-467-0679</t>
  </si>
  <si>
    <t>25移動支援</t>
    <rPh sb="2" eb="4">
      <t>イドウ</t>
    </rPh>
    <rPh sb="4" eb="6">
      <t>シエン</t>
    </rPh>
    <phoneticPr fontId="21"/>
  </si>
  <si>
    <t>株式会社ナンデイ</t>
  </si>
  <si>
    <t>社会福祉法人海望福祉会</t>
  </si>
  <si>
    <t>076-460-0838</t>
  </si>
  <si>
    <t>076-436-3246</t>
  </si>
  <si>
    <t>930-0996</t>
  </si>
  <si>
    <t>トータルサポートライトブレインふたくち校</t>
  </si>
  <si>
    <t>株式会社ミタホーム</t>
  </si>
  <si>
    <t>076-468-3201</t>
  </si>
  <si>
    <t>よろず相談所</t>
  </si>
  <si>
    <t>一般企業等への就労を希望する人に、一定期間、就労に必要な知識及び能力の向上のために必要な訓練を行います。</t>
    <rPh sb="0" eb="2">
      <t>イッパン</t>
    </rPh>
    <rPh sb="2" eb="4">
      <t>キギョウ</t>
    </rPh>
    <rPh sb="4" eb="5">
      <t>トウ</t>
    </rPh>
    <rPh sb="7" eb="9">
      <t>シュウロウ</t>
    </rPh>
    <rPh sb="10" eb="12">
      <t>キボウ</t>
    </rPh>
    <rPh sb="14" eb="15">
      <t>ヒト</t>
    </rPh>
    <rPh sb="17" eb="19">
      <t>イッテイ</t>
    </rPh>
    <rPh sb="19" eb="21">
      <t>キカン</t>
    </rPh>
    <rPh sb="22" eb="24">
      <t>シュウロウ</t>
    </rPh>
    <rPh sb="25" eb="27">
      <t>ヒツヨウ</t>
    </rPh>
    <rPh sb="28" eb="30">
      <t>チシキ</t>
    </rPh>
    <rPh sb="30" eb="31">
      <t>オヨ</t>
    </rPh>
    <rPh sb="32" eb="34">
      <t>ノウリョク</t>
    </rPh>
    <rPh sb="35" eb="37">
      <t>コウジョウ</t>
    </rPh>
    <rPh sb="41" eb="43">
      <t>ヒツヨウ</t>
    </rPh>
    <rPh sb="44" eb="46">
      <t>クンレン</t>
    </rPh>
    <rPh sb="47" eb="48">
      <t>オコナ</t>
    </rPh>
    <phoneticPr fontId="21"/>
  </si>
  <si>
    <t>社会福祉法人セーナー苑</t>
  </si>
  <si>
    <t>076-452-4025</t>
  </si>
  <si>
    <t>社会福祉法人ラッコハウス</t>
  </si>
  <si>
    <t>スカイハウス富山南新町</t>
    <rPh sb="6" eb="9">
      <t>トヤマミナミ</t>
    </rPh>
    <rPh sb="9" eb="11">
      <t>シンマチ</t>
    </rPh>
    <phoneticPr fontId="21"/>
  </si>
  <si>
    <t>076-479-2191</t>
  </si>
  <si>
    <t>セーナー苑相談支援事業所Ｗｅネット</t>
  </si>
  <si>
    <t>076-454-2117</t>
  </si>
  <si>
    <t>939-8005</t>
  </si>
  <si>
    <t>939-2376</t>
  </si>
  <si>
    <t>富山市四ツ葉町７番８－２０５号ライトクローバー</t>
  </si>
  <si>
    <t>おわらの里</t>
  </si>
  <si>
    <t>076-461-5597</t>
  </si>
  <si>
    <t>フローレンスジョジョ</t>
  </si>
  <si>
    <t>076-436-1634</t>
  </si>
  <si>
    <t>アミティ工房</t>
  </si>
  <si>
    <t>076-407-0078</t>
  </si>
  <si>
    <t>076-457-2301</t>
  </si>
  <si>
    <t>076-482-6685</t>
  </si>
  <si>
    <t>076-457-2303</t>
  </si>
  <si>
    <t>富山市稲荷町四丁目３番１６号</t>
  </si>
  <si>
    <t>障害者支援施設あざみ園</t>
  </si>
  <si>
    <t>076-444-1294</t>
  </si>
  <si>
    <t>930-0066</t>
  </si>
  <si>
    <t>939-2231</t>
  </si>
  <si>
    <t>076-467-4477</t>
  </si>
  <si>
    <t>076-482-6913</t>
  </si>
  <si>
    <t>076-467-4478</t>
  </si>
  <si>
    <t>デイサービスセンターゆいゆい</t>
  </si>
  <si>
    <t>19相談（障害児）</t>
    <rPh sb="2" eb="4">
      <t>ソウダン</t>
    </rPh>
    <rPh sb="5" eb="7">
      <t>ショウガイ</t>
    </rPh>
    <rPh sb="7" eb="8">
      <t>ジ</t>
    </rPh>
    <phoneticPr fontId="21"/>
  </si>
  <si>
    <t>作業センターふじなみ
（就労継続支援Ｂ型事業所作業センターふじなみ）</t>
  </si>
  <si>
    <t>あゆみの郷</t>
  </si>
  <si>
    <t>株式会社ツクイ</t>
  </si>
  <si>
    <t>076-493-1395</t>
  </si>
  <si>
    <t>076-434-5895</t>
  </si>
  <si>
    <t>939-2712</t>
  </si>
  <si>
    <t>076-435-6512</t>
  </si>
  <si>
    <t>930-1326</t>
  </si>
  <si>
    <t>076-483-3111</t>
  </si>
  <si>
    <t>こころ</t>
  </si>
  <si>
    <t>076-461-5513</t>
  </si>
  <si>
    <t>076-483-3322</t>
  </si>
  <si>
    <t>076-426-1115</t>
  </si>
  <si>
    <t>931-8328</t>
  </si>
  <si>
    <t>076-482-6985</t>
  </si>
  <si>
    <t>はなさき苑ホームヘルプセンター</t>
  </si>
  <si>
    <t>076-471-6235</t>
  </si>
  <si>
    <t>939-2404</t>
  </si>
  <si>
    <t>930-0005</t>
  </si>
  <si>
    <t>076-429-8872</t>
  </si>
  <si>
    <t>訪問介護しあわせ</t>
  </si>
  <si>
    <t>野積園</t>
  </si>
  <si>
    <t>939-2417</t>
  </si>
  <si>
    <t>富山市水橋的場２２０番地</t>
  </si>
  <si>
    <t>076-482-3328</t>
  </si>
  <si>
    <t>930-0101</t>
  </si>
  <si>
    <t>076-455-3535</t>
  </si>
  <si>
    <t>株式会社サンウェルズ</t>
  </si>
  <si>
    <t>076-493-4441</t>
  </si>
  <si>
    <t>076-471-5072</t>
  </si>
  <si>
    <t>076-438-3058</t>
  </si>
  <si>
    <t>ツクイ富山</t>
  </si>
  <si>
    <t>930-0887</t>
  </si>
  <si>
    <t>デイサービスきぼう</t>
  </si>
  <si>
    <t>076-478-4636</t>
  </si>
  <si>
    <t>076-433-4500</t>
  </si>
  <si>
    <t>ヘルパーステーションマーガレット</t>
  </si>
  <si>
    <t>076-433-4527</t>
  </si>
  <si>
    <t>939-8015</t>
  </si>
  <si>
    <t>076-403-6898</t>
  </si>
  <si>
    <t>生活介護施設ラッコハウス</t>
  </si>
  <si>
    <t>076-475-9261</t>
  </si>
  <si>
    <t>076-493-8003</t>
  </si>
  <si>
    <t>株式会社Ｈｉｋａｒｉ</t>
  </si>
  <si>
    <t>939-3515</t>
  </si>
  <si>
    <t>076-468-0018</t>
  </si>
  <si>
    <t>076-461-7149</t>
  </si>
  <si>
    <t>富山市八尾町西川倉２３番地１</t>
  </si>
  <si>
    <t>ヴィストキャリア富山駅前</t>
  </si>
  <si>
    <t>外部
サービス
利用型</t>
    <rPh sb="0" eb="2">
      <t>ガイブ</t>
    </rPh>
    <rPh sb="8" eb="10">
      <t>リヨウ</t>
    </rPh>
    <rPh sb="10" eb="11">
      <t>ガタ</t>
    </rPh>
    <phoneticPr fontId="21"/>
  </si>
  <si>
    <t>高志ワークセンター</t>
  </si>
  <si>
    <t>33新保</t>
  </si>
  <si>
    <t>939-2603</t>
  </si>
  <si>
    <t>076-437-2058</t>
  </si>
  <si>
    <t>富山市中田一丁目１１番１６号</t>
  </si>
  <si>
    <t>富山市古志町三丁目１番地１</t>
  </si>
  <si>
    <t>ＪＯＢにながわ</t>
  </si>
  <si>
    <t>930-0848</t>
  </si>
  <si>
    <t>24豊田</t>
  </si>
  <si>
    <t>939-8025</t>
  </si>
  <si>
    <t>939-8251</t>
  </si>
  <si>
    <t>ＪＯＢ下赤江</t>
  </si>
  <si>
    <t>076-438-6069</t>
  </si>
  <si>
    <t>076-422-8488</t>
  </si>
  <si>
    <t>株式会社やらんまいけ富山</t>
  </si>
  <si>
    <t>076-435-2178</t>
  </si>
  <si>
    <t>076-471-6679</t>
  </si>
  <si>
    <t>つばさ</t>
  </si>
  <si>
    <t>一般社団法人サンピース支援センター</t>
  </si>
  <si>
    <t>930-0841</t>
  </si>
  <si>
    <t>ヘルパーステーションすみれ</t>
  </si>
  <si>
    <t>076-425-1730</t>
  </si>
  <si>
    <t>特定非営利活動法人富山ダルクリカバリークルーズ</t>
  </si>
  <si>
    <t>930-0975</t>
  </si>
  <si>
    <t>939-0536</t>
  </si>
  <si>
    <t>076-481-6883</t>
  </si>
  <si>
    <t>ショートステイこだまの丘</t>
  </si>
  <si>
    <t>就労継続支援事業所工房ＣｏＣｏ</t>
  </si>
  <si>
    <t>076-482-5826</t>
  </si>
  <si>
    <t>放課後等デイサービスｔｅｔｔｅ</t>
  </si>
  <si>
    <t>障害者支援施設こだまの丘</t>
  </si>
  <si>
    <t>社会福祉法人富山県社会福祉総合センター</t>
  </si>
  <si>
    <t>障害者支援施設のぞみの丘</t>
  </si>
  <si>
    <t>富山市身体障害者デイサービスセンター</t>
  </si>
  <si>
    <t>病院において機能訓練、看護、医学的管理下の介護等を行います。</t>
    <rPh sb="0" eb="2">
      <t>ビョウイン</t>
    </rPh>
    <rPh sb="6" eb="8">
      <t>キノウ</t>
    </rPh>
    <rPh sb="8" eb="10">
      <t>クンレン</t>
    </rPh>
    <rPh sb="11" eb="13">
      <t>カンゴ</t>
    </rPh>
    <rPh sb="14" eb="17">
      <t>イガクテキ</t>
    </rPh>
    <rPh sb="17" eb="19">
      <t>カンリ</t>
    </rPh>
    <rPh sb="19" eb="20">
      <t>シタ</t>
    </rPh>
    <rPh sb="21" eb="23">
      <t>カイゴ</t>
    </rPh>
    <rPh sb="23" eb="24">
      <t>トウ</t>
    </rPh>
    <rPh sb="25" eb="26">
      <t>オコナ</t>
    </rPh>
    <phoneticPr fontId="21"/>
  </si>
  <si>
    <t>076-451-6553</t>
  </si>
  <si>
    <t>富山市呉羽つつじが丘２４８番地３</t>
  </si>
  <si>
    <t>障害者支援施設はるかぜの丘</t>
  </si>
  <si>
    <t>10就労移行</t>
    <rPh sb="2" eb="4">
      <t>シュウロウ</t>
    </rPh>
    <rPh sb="4" eb="6">
      <t>イコウ</t>
    </rPh>
    <phoneticPr fontId="21"/>
  </si>
  <si>
    <t>076-491-6228</t>
  </si>
  <si>
    <t>障害者支援施設ほほえみの丘</t>
  </si>
  <si>
    <t>富山市中市二丁目８番４１号</t>
  </si>
  <si>
    <t>社会福祉法人とやま虹の会</t>
  </si>
  <si>
    <t>つばさの郷</t>
  </si>
  <si>
    <t>富山市相生町４番２号</t>
  </si>
  <si>
    <t>076-444-3753</t>
  </si>
  <si>
    <t>社会福祉法人フレンドリー会</t>
  </si>
  <si>
    <t>076-429-3256</t>
  </si>
  <si>
    <t>076-411-6900</t>
  </si>
  <si>
    <t>社会福祉法人めひの野園</t>
  </si>
  <si>
    <t>株式会社日本エコ・ケア・サービス</t>
  </si>
  <si>
    <t>930-0143</t>
  </si>
  <si>
    <t>076-436-0270</t>
  </si>
  <si>
    <t>すまいる・きゃりあ</t>
  </si>
  <si>
    <t>076-492-2531</t>
  </si>
  <si>
    <t>076-461-7265</t>
  </si>
  <si>
    <t>076-451-2011</t>
  </si>
  <si>
    <t>076-436-0599</t>
  </si>
  <si>
    <t>076-434-9322</t>
  </si>
  <si>
    <t>939-8026</t>
  </si>
  <si>
    <t>ペット共生型グループホームシー・ズー（休止）</t>
    <rPh sb="19" eb="21">
      <t>キュウシ</t>
    </rPh>
    <phoneticPr fontId="21"/>
  </si>
  <si>
    <t>特定非営利活動法人ハートビート</t>
  </si>
  <si>
    <t>930-0125</t>
  </si>
  <si>
    <t>076-456-3384</t>
  </si>
  <si>
    <t>076-437-9688</t>
  </si>
  <si>
    <t>076-434-5896</t>
  </si>
  <si>
    <t>合同会社イーグル</t>
  </si>
  <si>
    <t>うさか寮</t>
  </si>
  <si>
    <t>デイサービスしおんの家</t>
  </si>
  <si>
    <t>富山市堀川小泉町一丁目１４番１４号</t>
  </si>
  <si>
    <t>富山市西公文名町９番９号</t>
  </si>
  <si>
    <t>939-2745</t>
  </si>
  <si>
    <t>やねのうえのガチョウ</t>
  </si>
  <si>
    <t>076-482-1227</t>
  </si>
  <si>
    <t>076-422-7003</t>
  </si>
  <si>
    <t>076-464-5154</t>
  </si>
  <si>
    <t>富山市恵光学園</t>
  </si>
  <si>
    <t>富山市横樋８番地</t>
  </si>
  <si>
    <t>076-434-1017</t>
  </si>
  <si>
    <t>076-434-1018</t>
  </si>
  <si>
    <t>株式会社永田メディカル</t>
  </si>
  <si>
    <t>地活Ⅲ①</t>
    <rPh sb="0" eb="2">
      <t>チカツ</t>
    </rPh>
    <phoneticPr fontId="21"/>
  </si>
  <si>
    <t>02居宅のみ</t>
    <rPh sb="2" eb="4">
      <t>キョタク</t>
    </rPh>
    <phoneticPr fontId="21"/>
  </si>
  <si>
    <t>076-436-7673</t>
  </si>
  <si>
    <t>076-436-7679</t>
  </si>
  <si>
    <t>だいだい水橋</t>
  </si>
  <si>
    <t>076-464-5612</t>
  </si>
  <si>
    <t>076-471-8006</t>
  </si>
  <si>
    <t>076-456-7317</t>
  </si>
  <si>
    <t>939-8003</t>
  </si>
  <si>
    <t>930-0953</t>
  </si>
  <si>
    <t>076-493-0250</t>
  </si>
  <si>
    <t>930-0847</t>
  </si>
  <si>
    <t>076-461-5512</t>
  </si>
  <si>
    <t>社会福祉法人恵風会</t>
  </si>
  <si>
    <t>社会福祉法人秀愛会</t>
  </si>
  <si>
    <t>930-0068</t>
  </si>
  <si>
    <t>076-438-4503</t>
  </si>
  <si>
    <t>076-467-4482</t>
  </si>
  <si>
    <t>多機能事業所ステップ</t>
  </si>
  <si>
    <t>社会福祉法人小さな幸せの家</t>
  </si>
  <si>
    <t>株式会社Ｇ＆Ｇパズルワークス</t>
  </si>
  <si>
    <t>特別養護老人ホーム喜寿苑</t>
  </si>
  <si>
    <t>076-424-0898</t>
  </si>
  <si>
    <t>076-435-2882</t>
  </si>
  <si>
    <t>特定非営利活動法人ひまわりの花</t>
  </si>
  <si>
    <t>富山市上赤江町二丁目８番４４－１号</t>
  </si>
  <si>
    <t>高志ライフケアホーム</t>
  </si>
  <si>
    <t>931-8325</t>
  </si>
  <si>
    <t>オリーブハウス</t>
  </si>
  <si>
    <t>ニチイケアセンター呉羽
（居宅介護のみ）</t>
  </si>
  <si>
    <t>社会福祉法人白皇山保護園</t>
  </si>
  <si>
    <t>合同会社グループホームいいね</t>
  </si>
  <si>
    <t>ひまわりの郷</t>
  </si>
  <si>
    <t>939-2306</t>
  </si>
  <si>
    <t>076-455-8020</t>
  </si>
  <si>
    <t>076-403-6311</t>
  </si>
  <si>
    <t>076-455-8019</t>
  </si>
  <si>
    <t>930-3265</t>
  </si>
  <si>
    <t>富山市花崎８０番地</t>
  </si>
  <si>
    <t>076-491-7123</t>
  </si>
  <si>
    <t>931-8443</t>
  </si>
  <si>
    <t>076-491-7077</t>
  </si>
  <si>
    <t>076-438-6019</t>
  </si>
  <si>
    <t>北陸介護ステーション株式会社</t>
  </si>
  <si>
    <t>076-438-7025</t>
  </si>
  <si>
    <t>高志ワークホーム</t>
  </si>
  <si>
    <t>ほまれの家水橋店</t>
  </si>
  <si>
    <t>076-438-4502</t>
  </si>
  <si>
    <t>0765-74-2520</t>
  </si>
  <si>
    <t>939-8064</t>
  </si>
  <si>
    <t>グループホーム「かがやき」</t>
  </si>
  <si>
    <t>076-471-8421</t>
  </si>
  <si>
    <t>社会福祉法人富山県精神保健福祉協会</t>
  </si>
  <si>
    <t>076-465-5006</t>
  </si>
  <si>
    <t>076-427-1061</t>
  </si>
  <si>
    <t>076-479-9174</t>
  </si>
  <si>
    <t>デイサービスセンターそくさい家</t>
  </si>
  <si>
    <t>076-437-5390</t>
  </si>
  <si>
    <t>930-0115</t>
  </si>
  <si>
    <t>076-471-6471</t>
  </si>
  <si>
    <t>931-8314</t>
  </si>
  <si>
    <t>076-427-0720</t>
  </si>
  <si>
    <t>076-451-1000</t>
  </si>
  <si>
    <t>076-427-0723</t>
  </si>
  <si>
    <t>076-452-3899</t>
  </si>
  <si>
    <t>076-461-3803</t>
  </si>
  <si>
    <t>04行動援護</t>
    <rPh sb="2" eb="4">
      <t>コウドウ</t>
    </rPh>
    <rPh sb="4" eb="6">
      <t>エンゴ</t>
    </rPh>
    <phoneticPr fontId="21"/>
  </si>
  <si>
    <t>930-2243</t>
  </si>
  <si>
    <t>076-478-1159</t>
  </si>
  <si>
    <t>076-435-6511</t>
  </si>
  <si>
    <t>930-0024</t>
  </si>
  <si>
    <t>076-482-6519</t>
  </si>
  <si>
    <t>939-2311</t>
  </si>
  <si>
    <t>076-483-9551</t>
  </si>
  <si>
    <t>居宅介護</t>
  </si>
  <si>
    <t>自立生活支援センター富山</t>
  </si>
  <si>
    <t>特定非営利活動法人あかりハウス</t>
  </si>
  <si>
    <t>有限会社デイサービスセンター
もみじ</t>
  </si>
  <si>
    <t>076-471-5803</t>
  </si>
  <si>
    <t>あかりハウス</t>
  </si>
  <si>
    <t>939-2726</t>
  </si>
  <si>
    <t>076-467-3597</t>
  </si>
  <si>
    <t>特定非営利活動法人しおんの家</t>
  </si>
  <si>
    <t>グループホームしおんの家・愛</t>
  </si>
  <si>
    <t>076-405-9278</t>
  </si>
  <si>
    <t>076-472-5391</t>
  </si>
  <si>
    <t>ホームヘルプサービスしおんの家</t>
  </si>
  <si>
    <t>フレンドリーホーム</t>
  </si>
  <si>
    <t>076-461-5132</t>
  </si>
  <si>
    <t>グループホーム・ハートビート</t>
  </si>
  <si>
    <t>076-483-8660</t>
  </si>
  <si>
    <t>かたれす</t>
  </si>
  <si>
    <t>0765-32-4870</t>
  </si>
  <si>
    <t>特定非営利活動法人ひまわり</t>
  </si>
  <si>
    <t>076-482-6785</t>
  </si>
  <si>
    <t>076-482-6781</t>
  </si>
  <si>
    <t>ひまわりワーク</t>
  </si>
  <si>
    <t>076-435-2442</t>
  </si>
  <si>
    <t>ヴィストキャリア富山中央</t>
  </si>
  <si>
    <t>076-411-7820</t>
  </si>
  <si>
    <t>ショートステイふるさとのあかり</t>
  </si>
  <si>
    <t>富山市四方荒屋３２２３番地</t>
  </si>
  <si>
    <t>特定非営利活動法人ゆめさぽーとらいちょう</t>
  </si>
  <si>
    <t>特定非営利活動法人れいんぼーみさき</t>
  </si>
  <si>
    <t>ケアステーションラポール</t>
  </si>
  <si>
    <t>グループホームゆりの木</t>
  </si>
  <si>
    <t>0766-56-6667</t>
  </si>
  <si>
    <t>076-471-6825</t>
  </si>
  <si>
    <t>特定非営利活動法人ワン・ファーム・ランド</t>
  </si>
  <si>
    <t>076-468-4002</t>
  </si>
  <si>
    <t>多機能型就労支援事業所ワークハーバーＭＵＲＯＹＡ</t>
  </si>
  <si>
    <t>076-468-4003</t>
  </si>
  <si>
    <t>特定非営利活動法人デイサービスこのゆびとーまれ</t>
  </si>
  <si>
    <t>ワン・ファーム・ランド</t>
  </si>
  <si>
    <t>076-441-5561</t>
  </si>
  <si>
    <t>特定非営利活動法人愛和報恩会</t>
  </si>
  <si>
    <t>セリュー</t>
  </si>
  <si>
    <t>グループホーム虹の丘三郷</t>
  </si>
  <si>
    <t>Ｂ型いいね</t>
  </si>
  <si>
    <t>富山市本郷新３６番地</t>
  </si>
  <si>
    <t>076-455-0597</t>
  </si>
  <si>
    <t>ＮＰＯ法人かもめのノート</t>
  </si>
  <si>
    <t>930-0846</t>
  </si>
  <si>
    <t>14奥田</t>
  </si>
  <si>
    <t>特定非営利活動法人富山あさひ会</t>
  </si>
  <si>
    <t>939-2303</t>
  </si>
  <si>
    <t>076-468-3579</t>
  </si>
  <si>
    <t>930-0859</t>
  </si>
  <si>
    <t>独立行政法人国立病院機構富山病院</t>
  </si>
  <si>
    <t>076-469-2135</t>
  </si>
  <si>
    <t>939-8055</t>
  </si>
  <si>
    <t>地活Ⅰ②</t>
    <rPh sb="0" eb="2">
      <t>チカツ</t>
    </rPh>
    <phoneticPr fontId="21"/>
  </si>
  <si>
    <t>076-442-1532</t>
  </si>
  <si>
    <t>076-469-5616</t>
  </si>
  <si>
    <t>富山医療生活協同組合</t>
  </si>
  <si>
    <t>930-0972</t>
  </si>
  <si>
    <t>939-2252</t>
  </si>
  <si>
    <t>ショートステイはるかぜの丘</t>
  </si>
  <si>
    <t>930-0031</t>
  </si>
  <si>
    <t>930-0873</t>
  </si>
  <si>
    <t>076-407-1178</t>
  </si>
  <si>
    <t>076-444-1296</t>
  </si>
  <si>
    <t>常に介護を必要とする人に、昼間、入浴、排せつ、食事の介護等を行うとともに、創作的活動又は生産活動の機会を提供します。</t>
    <rPh sb="0" eb="1">
      <t>ツネ</t>
    </rPh>
    <rPh sb="2" eb="4">
      <t>カイゴ</t>
    </rPh>
    <rPh sb="5" eb="7">
      <t>ヒツヨウ</t>
    </rPh>
    <rPh sb="10" eb="11">
      <t>ヒト</t>
    </rPh>
    <rPh sb="13" eb="15">
      <t>ヒルマ</t>
    </rPh>
    <rPh sb="16" eb="18">
      <t>ニュウヨク</t>
    </rPh>
    <rPh sb="19" eb="20">
      <t>ハイ</t>
    </rPh>
    <rPh sb="23" eb="25">
      <t>ショクジ</t>
    </rPh>
    <rPh sb="26" eb="28">
      <t>カイゴ</t>
    </rPh>
    <rPh sb="28" eb="29">
      <t>トウ</t>
    </rPh>
    <rPh sb="30" eb="31">
      <t>オコナ</t>
    </rPh>
    <rPh sb="37" eb="40">
      <t>ソウサクテキ</t>
    </rPh>
    <rPh sb="40" eb="42">
      <t>カツドウ</t>
    </rPh>
    <rPh sb="42" eb="43">
      <t>マタ</t>
    </rPh>
    <rPh sb="44" eb="46">
      <t>セイサン</t>
    </rPh>
    <rPh sb="46" eb="48">
      <t>カツドウ</t>
    </rPh>
    <rPh sb="49" eb="51">
      <t>キカイ</t>
    </rPh>
    <rPh sb="52" eb="54">
      <t>テイキョウ</t>
    </rPh>
    <phoneticPr fontId="21"/>
  </si>
  <si>
    <t>939-8137</t>
  </si>
  <si>
    <t>076-435-3422</t>
  </si>
  <si>
    <t>076-429-3357</t>
  </si>
  <si>
    <t>930-0891</t>
  </si>
  <si>
    <t>076-431-5828</t>
  </si>
  <si>
    <t>076-431-5833</t>
  </si>
  <si>
    <t>北陸メディカルサービス株式会社介護事業部</t>
  </si>
  <si>
    <t>富山市下新本町３番５号</t>
  </si>
  <si>
    <t>就労継続支援Ａ型事業所ほたる</t>
  </si>
  <si>
    <t>富山市生活介護事業所第１あすなろ</t>
  </si>
  <si>
    <t>就労継続支援Ａ型アシスト</t>
  </si>
  <si>
    <t>指定有効
期間満了日</t>
    <rPh sb="0" eb="2">
      <t>シテイ</t>
    </rPh>
    <rPh sb="2" eb="4">
      <t>ユウコウ</t>
    </rPh>
    <rPh sb="5" eb="7">
      <t>キカン</t>
    </rPh>
    <rPh sb="7" eb="9">
      <t>マンリョウ</t>
    </rPh>
    <rPh sb="9" eb="10">
      <t>ヒ</t>
    </rPh>
    <phoneticPr fontId="21"/>
  </si>
  <si>
    <t>076-428-1277</t>
  </si>
  <si>
    <t>0798-42-8608</t>
  </si>
  <si>
    <t>076-482-6355</t>
  </si>
  <si>
    <t>20萩浦</t>
  </si>
  <si>
    <t>076-428-1288</t>
  </si>
  <si>
    <t>930-0835</t>
  </si>
  <si>
    <t>富山市生活介護事業所第２あすなろ</t>
  </si>
  <si>
    <t>939-8014</t>
  </si>
  <si>
    <t>特定非営利活動法人文福</t>
  </si>
  <si>
    <t>076-469-0001</t>
  </si>
  <si>
    <t>42寒江</t>
  </si>
  <si>
    <t>くじらぐも</t>
  </si>
  <si>
    <t>北陸メディカルサービス株式会社</t>
  </si>
  <si>
    <t>富山市蜷川１５番地富山市通所作業センター内</t>
  </si>
  <si>
    <t>076-424-9022</t>
  </si>
  <si>
    <t>076-438-2233</t>
  </si>
  <si>
    <t>076-463-5840</t>
  </si>
  <si>
    <t>939-8146</t>
  </si>
  <si>
    <t>ヴィストカレッジ富山中央</t>
  </si>
  <si>
    <t>930-0286</t>
  </si>
  <si>
    <t>076-455-1543</t>
  </si>
  <si>
    <t>富山市開発２０１番地</t>
  </si>
  <si>
    <t>076-482-6686</t>
  </si>
  <si>
    <t>939-2216</t>
  </si>
  <si>
    <t>931-8321</t>
  </si>
  <si>
    <t>紙ふうせん</t>
  </si>
  <si>
    <t>939-3554</t>
  </si>
  <si>
    <t>076-491-4375</t>
  </si>
  <si>
    <t>有限会社千石ケアサービス</t>
  </si>
  <si>
    <t>ケア・ワールド移動支援事業所</t>
  </si>
  <si>
    <t>076-479-9655</t>
  </si>
  <si>
    <t>富山市下熊野２０４番地４</t>
  </si>
  <si>
    <t>有限会社コクエー</t>
  </si>
  <si>
    <t>080-3578-5300</t>
  </si>
  <si>
    <t>076-420-1050</t>
  </si>
  <si>
    <t>有限会社ライフサポートあおい</t>
  </si>
  <si>
    <t>076-407-1566</t>
  </si>
  <si>
    <t>076-461-3277</t>
  </si>
  <si>
    <t>076-482-4918</t>
  </si>
  <si>
    <t>在宅介護あおい</t>
  </si>
  <si>
    <t>富山市本郷町５１番地１</t>
  </si>
  <si>
    <t>クリエイトジョブ株式会社</t>
  </si>
  <si>
    <t>富山型デイサービスくわの里</t>
  </si>
  <si>
    <t>076-461-3380</t>
  </si>
  <si>
    <t>富山市上飯野字道ノ下９番地１</t>
  </si>
  <si>
    <t>グループホーム花みずき弐番館</t>
  </si>
  <si>
    <t>有限会社中央ケアーサポート</t>
  </si>
  <si>
    <t>076-442-3828</t>
  </si>
  <si>
    <t>保育所等を利用している（又は今後利用する予定の）障害のある児童が、保育所等における集団生活の適応のための専門的な支援を必要とする場合に、「保育所等訪問支援」を提供することにより、保育所等の安定した利用を促進します。</t>
  </si>
  <si>
    <t>常願寺地域生活相談支援センター</t>
  </si>
  <si>
    <t>076-442-1462</t>
  </si>
  <si>
    <t>939-1436</t>
  </si>
  <si>
    <t>076-482-3855</t>
  </si>
  <si>
    <t>運営主体</t>
    <rPh sb="0" eb="2">
      <t>ウンエイ</t>
    </rPh>
    <rPh sb="2" eb="4">
      <t>シュタイ</t>
    </rPh>
    <phoneticPr fontId="21"/>
  </si>
  <si>
    <t>0766-86-6684</t>
  </si>
  <si>
    <t>電話番号</t>
  </si>
  <si>
    <t>076-479-2077</t>
  </si>
  <si>
    <t>●</t>
  </si>
  <si>
    <t>富山市本郷西部８３番地１</t>
  </si>
  <si>
    <t>ゆりの木の里短期入所事業所</t>
  </si>
  <si>
    <t>076-428-0380</t>
  </si>
  <si>
    <t>076-428-1773</t>
  </si>
  <si>
    <t>930-0088</t>
  </si>
  <si>
    <t>076-422-7334</t>
  </si>
  <si>
    <t>富山市悪王寺２２９番地</t>
  </si>
  <si>
    <t>939-8214</t>
  </si>
  <si>
    <t>吉田内科クリニックホームヘルプサービス有限会社</t>
  </si>
  <si>
    <t>050-3593-3730</t>
  </si>
  <si>
    <t>ニチイケアセンター藤の木
（居宅介護のみ）</t>
  </si>
  <si>
    <t>富山市堀川町８番地</t>
  </si>
  <si>
    <t>富山市蜷川１番地３</t>
  </si>
  <si>
    <t>あんしんのＦＣ合同会社</t>
  </si>
  <si>
    <t>076-433-2005</t>
  </si>
  <si>
    <t>076-435-6522</t>
  </si>
  <si>
    <t>930-1336</t>
  </si>
  <si>
    <t>むらい食品株式会社</t>
  </si>
  <si>
    <t>939-8231</t>
  </si>
  <si>
    <t>076-461-4471</t>
  </si>
  <si>
    <t>930-2222</t>
  </si>
  <si>
    <t>930-0875</t>
  </si>
  <si>
    <t>930-0992</t>
  </si>
  <si>
    <t>076-461-4472</t>
  </si>
  <si>
    <t>076-493-0765</t>
  </si>
  <si>
    <t>富山市月見町四丁目４２番地</t>
  </si>
  <si>
    <t>076-482-6845</t>
  </si>
  <si>
    <t>誠愛株式会社</t>
  </si>
  <si>
    <t>076-493-8111</t>
  </si>
  <si>
    <t>076-420-1204</t>
  </si>
  <si>
    <t>フレンドリー相談支援センター</t>
  </si>
  <si>
    <t>株式会社ＳＭＩＬＥＰＬＵＳ</t>
  </si>
  <si>
    <t>076-481-7737</t>
  </si>
  <si>
    <t>076-493-8118</t>
  </si>
  <si>
    <t>930-0966</t>
  </si>
  <si>
    <t>076-466-1337</t>
  </si>
  <si>
    <t>931-8333</t>
  </si>
  <si>
    <t>076-482-4277</t>
  </si>
  <si>
    <t>小規模多機能ホームおらとこ東</t>
  </si>
  <si>
    <t>富山市四ツ葉町１４番２４号</t>
  </si>
  <si>
    <t>076-478-0371</t>
  </si>
  <si>
    <t>076-422-2341</t>
  </si>
  <si>
    <t>076-482-4977</t>
  </si>
  <si>
    <t>富山市長江一丁目４番１３号</t>
    <rPh sb="0" eb="3">
      <t>トヤマシ</t>
    </rPh>
    <rPh sb="3" eb="8">
      <t>ナガエイッチョウメ</t>
    </rPh>
    <rPh sb="9" eb="10">
      <t>バン</t>
    </rPh>
    <rPh sb="12" eb="13">
      <t>ゴウ</t>
    </rPh>
    <phoneticPr fontId="21"/>
  </si>
  <si>
    <t>076-482-5785</t>
  </si>
  <si>
    <t>076-482-5786</t>
  </si>
  <si>
    <t>重度の視覚障害者が外出するときに、移動に必要な情報の提供や移動の支援、排せつ、食事の介護等を行います。</t>
    <rPh sb="0" eb="2">
      <t>ジュウド</t>
    </rPh>
    <rPh sb="3" eb="5">
      <t>シカク</t>
    </rPh>
    <rPh sb="5" eb="7">
      <t>ショウガイ</t>
    </rPh>
    <rPh sb="7" eb="8">
      <t>シャ</t>
    </rPh>
    <rPh sb="9" eb="11">
      <t>ガイシュツ</t>
    </rPh>
    <rPh sb="17" eb="19">
      <t>イドウ</t>
    </rPh>
    <rPh sb="20" eb="22">
      <t>ヒツヨウ</t>
    </rPh>
    <rPh sb="23" eb="25">
      <t>ジョウホウ</t>
    </rPh>
    <rPh sb="26" eb="28">
      <t>テイキョウ</t>
    </rPh>
    <rPh sb="29" eb="31">
      <t>イドウ</t>
    </rPh>
    <rPh sb="32" eb="34">
      <t>シエン</t>
    </rPh>
    <rPh sb="35" eb="36">
      <t>ハイ</t>
    </rPh>
    <rPh sb="39" eb="41">
      <t>ショクジ</t>
    </rPh>
    <rPh sb="42" eb="44">
      <t>カイゴ</t>
    </rPh>
    <rPh sb="44" eb="45">
      <t>トウ</t>
    </rPh>
    <rPh sb="46" eb="47">
      <t>オコナ</t>
    </rPh>
    <phoneticPr fontId="21"/>
  </si>
  <si>
    <t>076-482-6844</t>
  </si>
  <si>
    <t>076-433-4569</t>
  </si>
  <si>
    <t>076-479-1080</t>
  </si>
  <si>
    <t>076-435-1881</t>
  </si>
  <si>
    <t>富山市堀川町３７７番地</t>
  </si>
  <si>
    <t>076-438-2226</t>
  </si>
  <si>
    <t>分類</t>
    <rPh sb="0" eb="2">
      <t>ブンルイ</t>
    </rPh>
    <phoneticPr fontId="21"/>
  </si>
  <si>
    <t>076-481-7337</t>
  </si>
  <si>
    <t>076-481-6016</t>
  </si>
  <si>
    <t>さくらんぼ</t>
  </si>
  <si>
    <t>総合的な相談、入所施設等からの地域移行の支援、居宅で生活している障害者の対応等の相談支援を行います。</t>
    <rPh sb="0" eb="2">
      <t>ソウゴウ</t>
    </rPh>
    <rPh sb="2" eb="3">
      <t>テキ</t>
    </rPh>
    <rPh sb="4" eb="6">
      <t>ソウダン</t>
    </rPh>
    <rPh sb="7" eb="9">
      <t>ニュウショ</t>
    </rPh>
    <rPh sb="9" eb="11">
      <t>シセツ</t>
    </rPh>
    <rPh sb="11" eb="12">
      <t>トウ</t>
    </rPh>
    <rPh sb="15" eb="17">
      <t>チイキ</t>
    </rPh>
    <rPh sb="17" eb="19">
      <t>イコウ</t>
    </rPh>
    <rPh sb="20" eb="22">
      <t>シエン</t>
    </rPh>
    <rPh sb="23" eb="25">
      <t>キョタク</t>
    </rPh>
    <rPh sb="26" eb="28">
      <t>セイカツ</t>
    </rPh>
    <rPh sb="32" eb="35">
      <t>ショウガイシャ</t>
    </rPh>
    <rPh sb="36" eb="38">
      <t>タイオウ</t>
    </rPh>
    <rPh sb="38" eb="39">
      <t>トウ</t>
    </rPh>
    <rPh sb="40" eb="42">
      <t>ソウダン</t>
    </rPh>
    <rPh sb="42" eb="44">
      <t>シエン</t>
    </rPh>
    <rPh sb="45" eb="46">
      <t>オコナ</t>
    </rPh>
    <phoneticPr fontId="21"/>
  </si>
  <si>
    <t>サンズ</t>
  </si>
  <si>
    <t>076-469-6301</t>
  </si>
  <si>
    <t>ファンティーニ</t>
  </si>
  <si>
    <t>076-441-5560</t>
  </si>
  <si>
    <t>多機能型事業所このみ</t>
  </si>
  <si>
    <t>相談支援センターヴィストとやま</t>
  </si>
  <si>
    <t>939-2204</t>
  </si>
  <si>
    <t>らいちょう蜷川</t>
  </si>
  <si>
    <t>富山市鶴ヶ丘町１５９番地１２テアトル１０１号</t>
  </si>
  <si>
    <t>社会福祉法人新川会</t>
  </si>
  <si>
    <t>930-0015</t>
  </si>
  <si>
    <t>076-431-1625</t>
  </si>
  <si>
    <t>076-481-6246</t>
  </si>
  <si>
    <t>076-461-5596</t>
  </si>
  <si>
    <t>0766-23-2968</t>
  </si>
  <si>
    <t>076-444-5357</t>
  </si>
  <si>
    <t>076-481-6888</t>
  </si>
  <si>
    <t>076-464-3757</t>
  </si>
  <si>
    <t>076-481-6819</t>
  </si>
  <si>
    <t>076-461-5080</t>
  </si>
  <si>
    <t>076-461-4494</t>
  </si>
  <si>
    <t>富山市新庄町四丁目３番１３号</t>
  </si>
  <si>
    <t>076-461-3278</t>
  </si>
  <si>
    <t>076-471-5741</t>
  </si>
  <si>
    <t>076-441-5580</t>
  </si>
  <si>
    <t>076-428-1735</t>
  </si>
  <si>
    <t>就労支援事業所ハーベスト</t>
  </si>
  <si>
    <t>つつじ苑</t>
  </si>
  <si>
    <t>076-461-3323</t>
  </si>
  <si>
    <t>076-411-7803</t>
  </si>
  <si>
    <t>076-438-8700</t>
  </si>
  <si>
    <t>Ｇ＆Ｇアソシエイト株式会社</t>
  </si>
  <si>
    <t>特定非営利活動法人ありがとうの家</t>
  </si>
  <si>
    <t>930-0816</t>
  </si>
  <si>
    <t>076-461-5260</t>
  </si>
  <si>
    <t>076-493-0030</t>
  </si>
  <si>
    <t>930-0034</t>
  </si>
  <si>
    <t>930-0822</t>
  </si>
  <si>
    <t>076-479-9173</t>
  </si>
  <si>
    <t>定員</t>
    <rPh sb="0" eb="2">
      <t>テイイン</t>
    </rPh>
    <phoneticPr fontId="21"/>
  </si>
  <si>
    <t>発達支援スクールＯｎｅＵｐ</t>
    <rPh sb="0" eb="2">
      <t>ハッタツ</t>
    </rPh>
    <rPh sb="2" eb="4">
      <t>シエン</t>
    </rPh>
    <phoneticPr fontId="21"/>
  </si>
  <si>
    <t>076-451-9963</t>
  </si>
  <si>
    <t>076-456-7710</t>
  </si>
  <si>
    <t>076-427-1060</t>
  </si>
  <si>
    <t>930-0083</t>
  </si>
  <si>
    <t>076-461-6385</t>
  </si>
  <si>
    <t>930-0845</t>
  </si>
  <si>
    <t>931-8417</t>
  </si>
  <si>
    <t>930-0824</t>
  </si>
  <si>
    <t>076-442-2550</t>
  </si>
  <si>
    <t>930-0004</t>
  </si>
  <si>
    <t>富山市太田口通り一丁目６番３号</t>
  </si>
  <si>
    <t>こころの学校八尾</t>
  </si>
  <si>
    <t>076-428-0765</t>
  </si>
  <si>
    <t>富山市八尾町福島字牧野１０１番地１</t>
  </si>
  <si>
    <t>076-482-4917</t>
  </si>
  <si>
    <t>939-8136</t>
  </si>
  <si>
    <t>076-482-6881</t>
  </si>
  <si>
    <t>076-429-5740</t>
  </si>
  <si>
    <t>930-0076</t>
  </si>
  <si>
    <t>ニチイケアセンター富山東
（居宅介護のみ）</t>
  </si>
  <si>
    <t>076-429-5771</t>
  </si>
  <si>
    <t>訪問介護事業所自薦サポートセンター</t>
  </si>
  <si>
    <t>076－481-6871</t>
  </si>
  <si>
    <t>939-0521</t>
  </si>
  <si>
    <t>076-456-8875</t>
  </si>
  <si>
    <t>076-464-6895</t>
  </si>
  <si>
    <t>076-471-8880</t>
  </si>
  <si>
    <t>076-455-8339</t>
  </si>
  <si>
    <t>076-455-8333</t>
  </si>
  <si>
    <t>930-0008</t>
  </si>
  <si>
    <t>076-456-1710</t>
  </si>
  <si>
    <t>076-471-6359</t>
  </si>
  <si>
    <t>930-2205</t>
  </si>
  <si>
    <t>939-2251</t>
  </si>
  <si>
    <t>939-3524</t>
  </si>
  <si>
    <t>076-461-5480</t>
  </si>
  <si>
    <t>076-420-5218</t>
  </si>
  <si>
    <t>931-8371</t>
  </si>
  <si>
    <t>ラ・ポール</t>
  </si>
  <si>
    <t>076-493-1396</t>
  </si>
  <si>
    <t>930-2225</t>
  </si>
  <si>
    <t>939-8212</t>
  </si>
  <si>
    <t>障害者（児）の外出の際に円滑な移動を支援します。</t>
    <rPh sb="0" eb="3">
      <t>ショウガイシャ</t>
    </rPh>
    <rPh sb="4" eb="5">
      <t>ジ</t>
    </rPh>
    <rPh sb="7" eb="9">
      <t>ガイシュツ</t>
    </rPh>
    <rPh sb="10" eb="11">
      <t>サイ</t>
    </rPh>
    <rPh sb="12" eb="14">
      <t>エンカツ</t>
    </rPh>
    <rPh sb="15" eb="17">
      <t>イドウ</t>
    </rPh>
    <rPh sb="18" eb="20">
      <t>シエン</t>
    </rPh>
    <phoneticPr fontId="21"/>
  </si>
  <si>
    <t>939-8211</t>
  </si>
  <si>
    <t>076-411-9472</t>
  </si>
  <si>
    <t>月岡デイサービスセンターやまゆり</t>
  </si>
  <si>
    <t>076-460-9050</t>
  </si>
  <si>
    <t>076-481-6271</t>
  </si>
  <si>
    <t>076-465-5007</t>
  </si>
  <si>
    <t>富山市丸の内一丁目５番８号マンション堺捨１階</t>
  </si>
  <si>
    <t>共生型
サービス</t>
    <rPh sb="0" eb="3">
      <t>キョウセイガタ</t>
    </rPh>
    <phoneticPr fontId="21"/>
  </si>
  <si>
    <t>076-456-9104</t>
  </si>
  <si>
    <t>076-471-5742</t>
  </si>
  <si>
    <t>特定非営利活動法人ＴＥＡＭａｐｐｒｅｃｉａｔｅ</t>
  </si>
  <si>
    <t>このゆびとーまれ</t>
  </si>
  <si>
    <t>サンウェルズ才覚寺ヘルパーステーション
（居宅介護のみ）</t>
  </si>
  <si>
    <t>デイサービスセンターおらとこ</t>
  </si>
  <si>
    <t>ふるさとのあかり</t>
  </si>
  <si>
    <t>076-471-5223</t>
  </si>
  <si>
    <t>富山市八尾町福島三丁目７９番地</t>
  </si>
  <si>
    <t>076-471-8791</t>
  </si>
  <si>
    <t>076-471-8007</t>
  </si>
  <si>
    <t>090-9446-6373</t>
  </si>
  <si>
    <t>076-444-6677</t>
  </si>
  <si>
    <t>076-461-5833</t>
  </si>
  <si>
    <t>076-428-8265</t>
  </si>
  <si>
    <t>デイサービスこのゆびとーまれ向い</t>
  </si>
  <si>
    <t>076-482-6542</t>
  </si>
  <si>
    <t>076-429-8866</t>
  </si>
  <si>
    <t>076-434-6616</t>
  </si>
  <si>
    <t>076-460-2216</t>
  </si>
  <si>
    <t>一般就労へ移行した人に、生活リズム、家計や体調管理等に関する課題解決に向けて、指導・助言を行います。</t>
    <rPh sb="0" eb="2">
      <t>イッパン</t>
    </rPh>
    <rPh sb="2" eb="4">
      <t>シュウロウ</t>
    </rPh>
    <rPh sb="5" eb="7">
      <t>イコウ</t>
    </rPh>
    <rPh sb="9" eb="10">
      <t>ヒト</t>
    </rPh>
    <rPh sb="12" eb="14">
      <t>セイカツ</t>
    </rPh>
    <rPh sb="18" eb="20">
      <t>カケイ</t>
    </rPh>
    <rPh sb="21" eb="23">
      <t>タイチョウ</t>
    </rPh>
    <rPh sb="23" eb="26">
      <t>カンリトウ</t>
    </rPh>
    <rPh sb="27" eb="28">
      <t>カン</t>
    </rPh>
    <rPh sb="30" eb="32">
      <t>カダイ</t>
    </rPh>
    <rPh sb="32" eb="34">
      <t>カイケツ</t>
    </rPh>
    <rPh sb="35" eb="36">
      <t>ム</t>
    </rPh>
    <rPh sb="39" eb="41">
      <t>シドウ</t>
    </rPh>
    <rPh sb="42" eb="44">
      <t>ジョゲン</t>
    </rPh>
    <rPh sb="45" eb="46">
      <t>オコナ</t>
    </rPh>
    <phoneticPr fontId="21"/>
  </si>
  <si>
    <t>076-422-5970</t>
  </si>
  <si>
    <t>076-483-8580</t>
  </si>
  <si>
    <t>076-494-8452</t>
  </si>
  <si>
    <t>076-483-8581</t>
  </si>
  <si>
    <t>076-471-7438</t>
  </si>
  <si>
    <t>930-0154</t>
  </si>
  <si>
    <t>有限会社まめの木</t>
  </si>
  <si>
    <t>トータルサポートライトブレイン堀川</t>
  </si>
  <si>
    <t>076-405-9279</t>
  </si>
  <si>
    <t>076-407-1567</t>
  </si>
  <si>
    <t>一般社団法人大樹福祉会</t>
  </si>
  <si>
    <t>939-2711</t>
  </si>
  <si>
    <t>939-8081</t>
  </si>
  <si>
    <t>076-422-0255</t>
  </si>
  <si>
    <t>931-8358</t>
  </si>
  <si>
    <t>076-482-5691</t>
  </si>
  <si>
    <t>930-0012</t>
  </si>
  <si>
    <t>076-481-7738</t>
  </si>
  <si>
    <t>ＴＹＭＳ株式会社</t>
  </si>
  <si>
    <t>930-8072</t>
  </si>
  <si>
    <t>訪問系</t>
    <rPh sb="0" eb="2">
      <t>ホウモン</t>
    </rPh>
    <rPh sb="2" eb="3">
      <t>ケイ</t>
    </rPh>
    <phoneticPr fontId="21"/>
  </si>
  <si>
    <t>076-461-3806</t>
  </si>
  <si>
    <t>076-491-6238</t>
  </si>
  <si>
    <t>076-433-4567</t>
  </si>
  <si>
    <t>巧</t>
  </si>
  <si>
    <t>ＣａｒｅｅｒＯＮＥ株式会社</t>
    <rPh sb="9" eb="13">
      <t>カブシキカイシャ</t>
    </rPh>
    <phoneticPr fontId="21"/>
  </si>
  <si>
    <t>076-481-6239</t>
  </si>
  <si>
    <t>ＳＡＫＵＲＡ富山センター</t>
  </si>
  <si>
    <t>076-426-1588</t>
  </si>
  <si>
    <t>076-461-6381</t>
  </si>
  <si>
    <t>富山市二口町二丁目１４番地５ホーリー・ワンビル２階</t>
  </si>
  <si>
    <t>076-426-1116</t>
  </si>
  <si>
    <t>080-6352-6498</t>
  </si>
  <si>
    <t>障害者日中一時支援センターあつま～れ</t>
  </si>
  <si>
    <t>地活Ⅲ④</t>
    <rPh sb="0" eb="2">
      <t>チカツ</t>
    </rPh>
    <phoneticPr fontId="21"/>
  </si>
  <si>
    <t>076-479-9656</t>
  </si>
  <si>
    <t>076-482-5831</t>
  </si>
  <si>
    <t>076-471-8210</t>
  </si>
  <si>
    <t>076-461-5558</t>
  </si>
  <si>
    <t>076-444-6607</t>
  </si>
  <si>
    <t>076-491-7124</t>
  </si>
  <si>
    <t>夜間や休日、共同生活を行う住居で、相談や日常生活上の援助を行います。</t>
    <rPh sb="0" eb="2">
      <t>ヤカン</t>
    </rPh>
    <rPh sb="3" eb="5">
      <t>キュウジツ</t>
    </rPh>
    <rPh sb="6" eb="8">
      <t>キョウドウ</t>
    </rPh>
    <rPh sb="8" eb="10">
      <t>セイカツ</t>
    </rPh>
    <rPh sb="11" eb="12">
      <t>オコナ</t>
    </rPh>
    <rPh sb="13" eb="15">
      <t>ジュウキョ</t>
    </rPh>
    <rPh sb="17" eb="19">
      <t>ソウダン</t>
    </rPh>
    <rPh sb="20" eb="22">
      <t>ニチジョウ</t>
    </rPh>
    <rPh sb="22" eb="24">
      <t>セイカツ</t>
    </rPh>
    <rPh sb="24" eb="25">
      <t>ジョウ</t>
    </rPh>
    <rPh sb="26" eb="28">
      <t>エンジョ</t>
    </rPh>
    <rPh sb="29" eb="30">
      <t>オコナ</t>
    </rPh>
    <phoneticPr fontId="21"/>
  </si>
  <si>
    <t>富山市長江本町２番４５号</t>
  </si>
  <si>
    <t>076-468-3588</t>
  </si>
  <si>
    <t>社会福祉法人フォーレスト八尾会</t>
  </si>
  <si>
    <t>有限会社日和</t>
  </si>
  <si>
    <t>富山市水橋新堀１７番地１</t>
  </si>
  <si>
    <t>076-471-7437</t>
  </si>
  <si>
    <t>グループホームフラワー</t>
  </si>
  <si>
    <t>デイライト株式会社</t>
  </si>
  <si>
    <t>939-8142</t>
  </si>
  <si>
    <t>富山市町袋１２８番地１</t>
  </si>
  <si>
    <t>070-4496-9836</t>
  </si>
  <si>
    <t>076-461-4492</t>
  </si>
  <si>
    <t>富山市八尾町井田５０８番地１</t>
  </si>
  <si>
    <t>076-482-5311</t>
  </si>
  <si>
    <t>株式会社タカギコーポレーション</t>
  </si>
  <si>
    <t>のぞみの丘</t>
  </si>
  <si>
    <t>930-0142</t>
  </si>
  <si>
    <t>076-436-1338</t>
  </si>
  <si>
    <t>930-0921</t>
  </si>
  <si>
    <t>富山市下飯野８番地１</t>
  </si>
  <si>
    <t>デイケアハウスにぎやか</t>
  </si>
  <si>
    <t>076-492-4114</t>
  </si>
  <si>
    <t>多機能型施設ジョブステーションさくら長江事業所</t>
  </si>
  <si>
    <t>富山市上大久保１５８５番地１</t>
  </si>
  <si>
    <t>ＯＮＥＤＡＹサポートセンター</t>
  </si>
  <si>
    <t>076-492-4130</t>
  </si>
  <si>
    <t>ひこうき雲</t>
  </si>
  <si>
    <t>076-482-6543</t>
  </si>
  <si>
    <t>富山市開発２２３番地</t>
  </si>
  <si>
    <t>076-434-6617</t>
  </si>
  <si>
    <t>076-482-5690</t>
  </si>
  <si>
    <t>076-425-0212</t>
  </si>
  <si>
    <t>076-461-5557</t>
  </si>
  <si>
    <t>931-8347</t>
  </si>
  <si>
    <t>076-461-5416</t>
  </si>
  <si>
    <t>080-8692-2884</t>
  </si>
  <si>
    <t>076-471-8645</t>
  </si>
  <si>
    <t>076-479-6055</t>
  </si>
  <si>
    <t>社会福祉法人誠心会</t>
  </si>
  <si>
    <t>076-479-9651</t>
  </si>
  <si>
    <t>キッズルームライチ</t>
  </si>
  <si>
    <t>076-444-8633</t>
  </si>
  <si>
    <t>080-4949-5682</t>
  </si>
  <si>
    <t>富山市於保多町８番１０－５号</t>
  </si>
  <si>
    <t>特定非営利活動法人ぴーなっつ</t>
  </si>
  <si>
    <t>930-0962</t>
  </si>
  <si>
    <t>076-494-1007</t>
  </si>
  <si>
    <t>デイサービスセンターふる里の風堀川</t>
  </si>
  <si>
    <t>富山市婦中町田島１０１６番地５</t>
    <rPh sb="6" eb="8">
      <t>タジマ</t>
    </rPh>
    <rPh sb="12" eb="14">
      <t>バンチ</t>
    </rPh>
    <phoneticPr fontId="21"/>
  </si>
  <si>
    <t>多機能型施設ジョブステーションさくら奥田事業所</t>
  </si>
  <si>
    <t>076-464-5442</t>
  </si>
  <si>
    <t>合同会社ＦＥＬＬＯＷＳＨＩＰ</t>
  </si>
  <si>
    <t>076-420-5860
(076-464-6465)</t>
  </si>
  <si>
    <t>076-494-1008</t>
  </si>
  <si>
    <t>080-6362-4302</t>
  </si>
  <si>
    <t>富山市西四十物町２番２０号</t>
  </si>
  <si>
    <t>株式会社ｉｆＤ</t>
  </si>
  <si>
    <t>076-460-4413</t>
  </si>
  <si>
    <t>931-8453</t>
  </si>
  <si>
    <t>931-8431</t>
  </si>
  <si>
    <t>076-482-6345</t>
  </si>
  <si>
    <t>076-442-1534</t>
  </si>
  <si>
    <t>076-456-6536</t>
  </si>
  <si>
    <t>076-444-8282</t>
  </si>
  <si>
    <t>076-466-3773</t>
  </si>
  <si>
    <t>富山市西公文名町４番１７号</t>
  </si>
  <si>
    <t>076-444-8283</t>
  </si>
  <si>
    <t>076-435-1331</t>
  </si>
  <si>
    <t>076-422-2270</t>
  </si>
  <si>
    <t>076-462-1751</t>
  </si>
  <si>
    <t>939-8141</t>
  </si>
  <si>
    <t>076-461-4923</t>
  </si>
  <si>
    <t>株式会社キュービックネットワークスジャパン</t>
    <rPh sb="0" eb="4">
      <t>カブシキガイシャ</t>
    </rPh>
    <phoneticPr fontId="21"/>
  </si>
  <si>
    <t>行動援護</t>
  </si>
  <si>
    <t>076-467-0580</t>
  </si>
  <si>
    <t>さくら・介護ステーションとやま南</t>
  </si>
  <si>
    <t>富山市牛島本町二丁目２番１０号</t>
  </si>
  <si>
    <t>938-0059</t>
  </si>
  <si>
    <t>939-2706</t>
  </si>
  <si>
    <t>0766-86-1126</t>
  </si>
  <si>
    <t>富山市蓮町一丁目１番５１号</t>
  </si>
  <si>
    <t>ヴィストカレッジ富山駅北</t>
  </si>
  <si>
    <t>939-2701</t>
  </si>
  <si>
    <t>株式会社ステキバリエーション</t>
  </si>
  <si>
    <t>ＪＯＢ相生
（主：ＪＯＢ相生３０）
（従：ＪＯＢ堀分所１０）</t>
  </si>
  <si>
    <t>076-471-8792</t>
  </si>
  <si>
    <t>076-411-7775</t>
  </si>
  <si>
    <t>076-461-6165</t>
  </si>
  <si>
    <t>ＦＵＮＦＡＲＭのづみ野</t>
  </si>
  <si>
    <t>合同会社ポラリス</t>
  </si>
  <si>
    <t>076-456-9230</t>
  </si>
  <si>
    <t>とやま型デイサービス大きな手小さな手</t>
  </si>
  <si>
    <t>富山市吉作１０２７番地１</t>
  </si>
  <si>
    <t>076-466-6127</t>
  </si>
  <si>
    <t>ふれんどりーハウス</t>
  </si>
  <si>
    <t>特定非営利活動法人大きな手小さな手</t>
  </si>
  <si>
    <t>ありがとうの家</t>
  </si>
  <si>
    <t>デイサービスこのゆびとーまれ茶屋</t>
  </si>
  <si>
    <t>株式会社土屋</t>
  </si>
  <si>
    <t>サービス種別</t>
    <rPh sb="4" eb="6">
      <t>シュベツ</t>
    </rPh>
    <phoneticPr fontId="21"/>
  </si>
  <si>
    <t>なごなるの家</t>
  </si>
  <si>
    <t>有限会社まいけ</t>
  </si>
  <si>
    <t>ゆいの木ココカラ</t>
  </si>
  <si>
    <t>076-460-0390</t>
  </si>
  <si>
    <t>076-444-5353</t>
  </si>
  <si>
    <t>株式会社桑の里</t>
  </si>
  <si>
    <t>939-0361</t>
  </si>
  <si>
    <t>孫の手デイサービス</t>
  </si>
  <si>
    <t>指定療養介護事業所（こども棟）富山県リハビリテーション病院・こども支援センター</t>
  </si>
  <si>
    <t>デイサービスまめの木</t>
  </si>
  <si>
    <t>デイサービスありがた家</t>
  </si>
  <si>
    <t>特定非営利活動法人ありがた家</t>
  </si>
  <si>
    <t>サンウェルズ西荒屋ヘルパーステーション
（居宅介護のみ）</t>
  </si>
  <si>
    <t>郵便番号</t>
    <rPh sb="0" eb="4">
      <t>ユウビンバンゴウ</t>
    </rPh>
    <phoneticPr fontId="21"/>
  </si>
  <si>
    <t>同行援護</t>
  </si>
  <si>
    <t>射水市太閤町４番地</t>
  </si>
  <si>
    <t>富山市石坂新９５０番地１</t>
  </si>
  <si>
    <t>デイサービスひより鵜坂</t>
  </si>
  <si>
    <t>076-479-0675</t>
  </si>
  <si>
    <t>076-478-1400</t>
  </si>
  <si>
    <t>就労継続支援Ａ型事業所清琉</t>
  </si>
  <si>
    <t>ひまわり畑</t>
  </si>
  <si>
    <t>076-424-3573</t>
  </si>
  <si>
    <t>株式会社ＬＥＡＴ</t>
  </si>
  <si>
    <t>076-492-8983</t>
  </si>
  <si>
    <t>930-0085</t>
  </si>
  <si>
    <t>076-464-5617</t>
  </si>
  <si>
    <t>076-482-4755</t>
  </si>
  <si>
    <t>076-482-4751</t>
  </si>
  <si>
    <t>富山地域福祉事業所デイサービスぽぴー</t>
  </si>
  <si>
    <t>076-467-5570</t>
  </si>
  <si>
    <t>通所系</t>
    <rPh sb="0" eb="2">
      <t>ツウショ</t>
    </rPh>
    <rPh sb="2" eb="3">
      <t>ケイ</t>
    </rPh>
    <phoneticPr fontId="21"/>
  </si>
  <si>
    <t>076-444-8285</t>
  </si>
  <si>
    <t>富山市大江干３４番地１</t>
  </si>
  <si>
    <t>特定非営利活動法人おらとこ</t>
  </si>
  <si>
    <t>076-467-2419</t>
  </si>
  <si>
    <t>076-431-0466</t>
  </si>
  <si>
    <t>富山市蜷川１５番地</t>
  </si>
  <si>
    <t>076-431-0486</t>
  </si>
  <si>
    <t>0765-52-1354</t>
  </si>
  <si>
    <t>076-420-1203</t>
  </si>
  <si>
    <t>076-471-6472</t>
  </si>
  <si>
    <t>富山市婦中町蔵島１５０番地</t>
  </si>
  <si>
    <t>05婦中地域</t>
  </si>
  <si>
    <t>076-466-3265</t>
  </si>
  <si>
    <t>訪問介護ステーション希</t>
  </si>
  <si>
    <t>076-471-0432</t>
  </si>
  <si>
    <t>076-466-3882</t>
  </si>
  <si>
    <t>076-466-0911</t>
  </si>
  <si>
    <t>地活Ⅲ②</t>
    <rPh sb="0" eb="2">
      <t>チカツ</t>
    </rPh>
    <phoneticPr fontId="21"/>
  </si>
  <si>
    <t>076-455-8011</t>
  </si>
  <si>
    <t>28地域活動支援センターⅠ型</t>
  </si>
  <si>
    <t>かもめの相談室</t>
  </si>
  <si>
    <t>076-482-1622</t>
  </si>
  <si>
    <t>076-461-7830</t>
  </si>
  <si>
    <t>076-471-8644</t>
  </si>
  <si>
    <t>076-411-8666</t>
  </si>
  <si>
    <t>076-411-8667</t>
  </si>
  <si>
    <t>076-483-8811</t>
  </si>
  <si>
    <t>事業開始
年月日</t>
    <rPh sb="0" eb="2">
      <t>ジギョウ</t>
    </rPh>
    <rPh sb="2" eb="4">
      <t>カイシ</t>
    </rPh>
    <rPh sb="5" eb="8">
      <t>ネンガッピ</t>
    </rPh>
    <phoneticPr fontId="21"/>
  </si>
  <si>
    <t>933-0866</t>
  </si>
  <si>
    <t>富山市針原中町９０５番地</t>
  </si>
  <si>
    <t>0766-26-2379</t>
  </si>
  <si>
    <t>富山市北代５２００番地</t>
  </si>
  <si>
    <t>0766-86-1136</t>
  </si>
  <si>
    <t>14自立生活援助</t>
    <rPh sb="2" eb="8">
      <t>ジリツセイカツエンジョ</t>
    </rPh>
    <phoneticPr fontId="21"/>
  </si>
  <si>
    <t>つくしの家婦中</t>
  </si>
  <si>
    <t>ほまれの家経堂店</t>
  </si>
  <si>
    <t>930-0362</t>
  </si>
  <si>
    <t>富山市中川原新町２７４番地５</t>
  </si>
  <si>
    <t>930-0361</t>
  </si>
  <si>
    <t>930-1312</t>
  </si>
  <si>
    <t>936-0053</t>
  </si>
  <si>
    <t>930-0233</t>
  </si>
  <si>
    <t>0765-52-5018</t>
  </si>
  <si>
    <t>0763-37-0157</t>
  </si>
  <si>
    <t>0763-37-1522</t>
  </si>
  <si>
    <t>特定非営利活動法人きずな</t>
  </si>
  <si>
    <t>934-0032</t>
  </si>
  <si>
    <t>富山市富岡町３６５番地</t>
  </si>
  <si>
    <t>富山市高畠町一丁目１０番１７号</t>
  </si>
  <si>
    <t>939-0626</t>
  </si>
  <si>
    <t>株式会社鏡心</t>
  </si>
  <si>
    <t>939-0287</t>
  </si>
  <si>
    <t>有限会社紙ふうせん</t>
  </si>
  <si>
    <t>090-6018-3737</t>
  </si>
  <si>
    <t>0766-73-2614</t>
  </si>
  <si>
    <t>富山市堀６番地１２</t>
  </si>
  <si>
    <t>0766-73-2615</t>
  </si>
  <si>
    <t>合同会社ｆ５</t>
  </si>
  <si>
    <t>富山市常盤台１４番１８号</t>
  </si>
  <si>
    <t>社会福祉法人アルペン会</t>
  </si>
  <si>
    <t>930-0063</t>
  </si>
  <si>
    <t>ショートステイこのゆびとーまれ向い</t>
  </si>
  <si>
    <t>930-0955
(930-0887)</t>
  </si>
  <si>
    <t>076-411-4040
(076-464-6460)</t>
  </si>
  <si>
    <t>076-431-7100</t>
  </si>
  <si>
    <t>特定非営利活動法人えがおでねぃ</t>
  </si>
  <si>
    <t>076-431-7101</t>
  </si>
  <si>
    <t>相談支援事業所ありがた家</t>
  </si>
  <si>
    <t>930-0827</t>
  </si>
  <si>
    <t>梨の木苑</t>
  </si>
  <si>
    <t>相談支援事業所虹の丘三郷</t>
  </si>
  <si>
    <t>076-482-3886</t>
  </si>
  <si>
    <t>076-467-0031</t>
  </si>
  <si>
    <t>ディーキャリア富山オフィス</t>
  </si>
  <si>
    <t>090-7246-7677</t>
  </si>
  <si>
    <t>076-482-3631</t>
  </si>
  <si>
    <t>076-436-1642</t>
  </si>
  <si>
    <t>076-403-6711</t>
  </si>
  <si>
    <t>090-2838-0503</t>
  </si>
  <si>
    <t>930-0951</t>
  </si>
  <si>
    <t>076-464-5686</t>
  </si>
  <si>
    <t>アルペン相談支援事業所ＭＵＲＯＹＡ</t>
  </si>
  <si>
    <t>さつき苑</t>
  </si>
  <si>
    <t>ｓｅｌｆ－Ａハニービー環水公園前</t>
  </si>
  <si>
    <t>076-461-7544</t>
  </si>
  <si>
    <t>076-461-7374</t>
  </si>
  <si>
    <t>076-461-5332</t>
  </si>
  <si>
    <t>キッズルームたまご</t>
  </si>
  <si>
    <t>076-451-6886</t>
  </si>
  <si>
    <t>076-471-6822</t>
  </si>
  <si>
    <t>小さな幸せの家短期入所センター</t>
  </si>
  <si>
    <t>グループホームいいね</t>
  </si>
  <si>
    <t>076-460-0823</t>
  </si>
  <si>
    <t>ショートステイこのゆびとーまれ茶屋</t>
  </si>
  <si>
    <t>サニー</t>
  </si>
  <si>
    <t>ショートステイのぞみの丘</t>
  </si>
  <si>
    <t>ショートステイやまびこの丘</t>
  </si>
  <si>
    <t>ショートステイわかくさの丘</t>
  </si>
  <si>
    <t>株式会社こころ</t>
  </si>
  <si>
    <t>萌黄</t>
  </si>
  <si>
    <t>指定療養介護事業所富山県リハビリテーション病院・こども支援センター</t>
  </si>
  <si>
    <t>富山市黒瀬４５９番地１</t>
    <rPh sb="3" eb="5">
      <t>クロセ</t>
    </rPh>
    <rPh sb="8" eb="10">
      <t>バンチ</t>
    </rPh>
    <phoneticPr fontId="21"/>
  </si>
  <si>
    <t>ほっと</t>
  </si>
  <si>
    <t>セレスト</t>
  </si>
  <si>
    <t>特定非営利活動法人ほっと</t>
  </si>
  <si>
    <t>ショートステイ虹の丘三郷</t>
  </si>
  <si>
    <t>さくらグループホーム長江</t>
  </si>
  <si>
    <t>医療法人社団中山会</t>
  </si>
  <si>
    <t>グループホーム家路</t>
  </si>
  <si>
    <t>障害者就労継続支援Ｂ型事業所こころみ</t>
  </si>
  <si>
    <t>相談支援事業所アプリコット</t>
  </si>
  <si>
    <t>076-460-3675</t>
  </si>
  <si>
    <t>076-423-1766</t>
  </si>
  <si>
    <t>こころの学校富山北</t>
  </si>
  <si>
    <t>株式会社ほたる</t>
  </si>
  <si>
    <t>小さな幸せの家ホーム</t>
  </si>
  <si>
    <t>930-0974</t>
  </si>
  <si>
    <t>076-472-0666</t>
  </si>
  <si>
    <t>富山市天正寺１３６０番地</t>
  </si>
  <si>
    <t>グループホームあかり</t>
  </si>
  <si>
    <t>射水ライフ・サポート</t>
  </si>
  <si>
    <t>076-425-6952</t>
  </si>
  <si>
    <t>富山市中間島二丁目２７番地６</t>
  </si>
  <si>
    <t>グループホームわおん富山</t>
  </si>
  <si>
    <t>富山市八町２０３７番地２</t>
  </si>
  <si>
    <t>グループホームｆ５の部屋</t>
  </si>
  <si>
    <t>特定非営利活動法人北陸青少年自立援助センター</t>
  </si>
  <si>
    <t>特定非営利活動法人まいど家</t>
  </si>
  <si>
    <t>076-481-6659</t>
  </si>
  <si>
    <t>特定非営利活動法人かもめのノート</t>
  </si>
  <si>
    <t>株式会社綜合キャリアトラスト</t>
  </si>
  <si>
    <t>080-6356-7402</t>
  </si>
  <si>
    <t>株式会社ハニービー</t>
  </si>
  <si>
    <t>特定非営利活動法人太田ひまわり</t>
  </si>
  <si>
    <t>トータルサポートライトブレイン上飯野校</t>
  </si>
  <si>
    <t>有限会社ケアステーションラポール</t>
  </si>
  <si>
    <t>株式会社アシスト富山</t>
  </si>
  <si>
    <t>富山市金山新東５１０番地</t>
  </si>
  <si>
    <t>株式会社サンズ</t>
  </si>
  <si>
    <t>株式会社オレンジ</t>
  </si>
  <si>
    <t>相談支援事業所Ｌｉｎｋ</t>
  </si>
  <si>
    <t>特定非営利活動法人すずかぜ工房</t>
  </si>
  <si>
    <t>放課後等デイサービスひかり</t>
  </si>
  <si>
    <t>株式会社スプリング</t>
  </si>
  <si>
    <t>ウォーム・ワークやぶなみ
（生活介護事業所ウォーム・ワークやぶなみ）</t>
  </si>
  <si>
    <t>セブン・パートナーズ株式会社</t>
  </si>
  <si>
    <t>株式会社ウッドフィール</t>
  </si>
  <si>
    <t>株式会社みらい薗</t>
  </si>
  <si>
    <t>富山市水橋中村町６７番地１</t>
  </si>
  <si>
    <t>株式会社つくし工房</t>
  </si>
  <si>
    <t>株式会社ビレッジ・フィールド</t>
  </si>
  <si>
    <t>富山市住吉町二丁目６番１９号</t>
  </si>
  <si>
    <t>日本社会福祉デザインセンター株式会社</t>
  </si>
  <si>
    <t>株式会社ＰＥＲＳＯＮ’Ｓ</t>
  </si>
  <si>
    <t>株式会社とやまヒューマンサービス</t>
  </si>
  <si>
    <t>富山市小杉２３０番地７</t>
  </si>
  <si>
    <t>社会福祉法人大山会</t>
  </si>
  <si>
    <t>一般社団法人ＦＲＥＥＤＯＭ</t>
  </si>
  <si>
    <t>富山市西長江二丁目３番４７号</t>
  </si>
  <si>
    <t>有限会社こいずみエイジングくらぶ</t>
  </si>
  <si>
    <t>富山市大江干３０番地３</t>
  </si>
  <si>
    <t>多機能事業所あゆみの郷</t>
  </si>
  <si>
    <t>れいんぼーみさき</t>
  </si>
  <si>
    <t>富山市才覚寺２５９番地</t>
  </si>
  <si>
    <t>株式会社さくら苑</t>
  </si>
  <si>
    <t>婦中生活介護事業所つつじ</t>
  </si>
  <si>
    <t>一般社団法人ほまれ</t>
  </si>
  <si>
    <t>富山市水橋伊勢屋１０６番地</t>
  </si>
  <si>
    <t>キッズルームレモン</t>
  </si>
  <si>
    <t>富山市松若町２番３４号</t>
  </si>
  <si>
    <t>株式会社ケア・ワールド</t>
  </si>
  <si>
    <t>ナーシングホーム希望のひかり</t>
  </si>
  <si>
    <t>富山市山田宿坊１番地８</t>
  </si>
  <si>
    <t>一般社団法人新草会</t>
  </si>
  <si>
    <t>ＢＲＯＳ</t>
  </si>
  <si>
    <t>就労支援多機能型事業所わかば</t>
  </si>
  <si>
    <t>ヴィストジョブズ富山駅前</t>
  </si>
  <si>
    <t>オーシャン</t>
  </si>
  <si>
    <t>太田ひまわり</t>
  </si>
  <si>
    <t>高志生活訓練センター</t>
  </si>
  <si>
    <t>こども発達支援室</t>
  </si>
  <si>
    <t>コメちゃん介護サービス</t>
  </si>
  <si>
    <t>076-461-7126</t>
  </si>
  <si>
    <t>就労支援Ａ型事業所オレンジワークス</t>
  </si>
  <si>
    <t>就労支援事業所あおぞら</t>
  </si>
  <si>
    <t>障害者相談支援事業所しあわせ</t>
  </si>
  <si>
    <t>セブン相談支援事業所</t>
  </si>
  <si>
    <t>相談支援事業所希望のとびら</t>
  </si>
  <si>
    <t>076-464-5432</t>
  </si>
  <si>
    <t>相談支援センターみらい</t>
  </si>
  <si>
    <t>雷鳥苑</t>
  </si>
  <si>
    <t>高志福祉相談センター</t>
  </si>
  <si>
    <t>高志福祉相談センター
（地域移行支援のみ）</t>
  </si>
  <si>
    <t>デイサービスセンターふる里の風</t>
  </si>
  <si>
    <t>定着支援事業所ほたる</t>
  </si>
  <si>
    <t>930-0916</t>
  </si>
  <si>
    <t>日本社会福祉デザインセンター</t>
  </si>
  <si>
    <t>はたらくわ</t>
  </si>
  <si>
    <t>ぴーなっつ</t>
  </si>
  <si>
    <t>ファンティーニ下新本町店</t>
  </si>
  <si>
    <t>ふるさとのあかり八町</t>
  </si>
  <si>
    <t>株式会社ＴＨＳ＆ＥＫ</t>
  </si>
  <si>
    <t>富山県リハビリテーション病院・こども支援センター</t>
  </si>
  <si>
    <t>フレンドリーハウス</t>
  </si>
  <si>
    <t>訪問介護事業所コスモスの里</t>
  </si>
  <si>
    <t>訪問介護ステーションさくら苑</t>
  </si>
  <si>
    <t>076-411-4105</t>
  </si>
  <si>
    <t>ひまわりワーク清水元町店</t>
  </si>
  <si>
    <t>入浴が困難な障害のある人に、浴槽を持ち込み居宅での入浴サービスを提供します。</t>
    <rPh sb="0" eb="2">
      <t>ニュウヨク</t>
    </rPh>
    <rPh sb="3" eb="5">
      <t>コンナン</t>
    </rPh>
    <rPh sb="6" eb="8">
      <t>ショウガイ</t>
    </rPh>
    <rPh sb="11" eb="12">
      <t>ヒト</t>
    </rPh>
    <rPh sb="14" eb="16">
      <t>ヨクソウ</t>
    </rPh>
    <rPh sb="17" eb="18">
      <t>モ</t>
    </rPh>
    <rPh sb="19" eb="20">
      <t>コ</t>
    </rPh>
    <rPh sb="21" eb="23">
      <t>キョタク</t>
    </rPh>
    <rPh sb="25" eb="27">
      <t>ニュウヨク</t>
    </rPh>
    <rPh sb="32" eb="34">
      <t>テイキョウ</t>
    </rPh>
    <phoneticPr fontId="21"/>
  </si>
  <si>
    <t>多機能型事業所ミュール</t>
  </si>
  <si>
    <t>吉田内科クリニックデイサービスセンター「あゆみ」</t>
  </si>
  <si>
    <t>らいちょう熊野</t>
  </si>
  <si>
    <t>恵風会相談支援事業所あざみ</t>
  </si>
  <si>
    <t>在宅福祉総合センターひまわりヘルパーステーション</t>
  </si>
  <si>
    <t>介護
サービス
包括型</t>
    <rPh sb="0" eb="2">
      <t>カイゴ</t>
    </rPh>
    <rPh sb="8" eb="10">
      <t>ホウカツ</t>
    </rPh>
    <rPh sb="10" eb="11">
      <t>ガタ</t>
    </rPh>
    <phoneticPr fontId="21"/>
  </si>
  <si>
    <t>作業センターふじなみ
（就労移行支援事業所作業センターふじなみ）</t>
  </si>
  <si>
    <t>小さな幸せの家</t>
  </si>
  <si>
    <t>兵庫県西宮市上大市三丁目４番１８号ベルトピア甲東園２０２号</t>
  </si>
  <si>
    <t>ほまれの家富山東店</t>
  </si>
  <si>
    <t>076-482-5647</t>
  </si>
  <si>
    <t>富山市下堀４５番地５</t>
  </si>
  <si>
    <t>ゆい社会福祉士共同事務所</t>
  </si>
  <si>
    <t>いきいき元気クラブ</t>
  </si>
  <si>
    <t>ヘルパー処あんき家</t>
  </si>
  <si>
    <t>デイサービスセンター１・２の３</t>
  </si>
  <si>
    <t>076-411-6008</t>
  </si>
  <si>
    <t>076-472-1118</t>
  </si>
  <si>
    <t>076-471-0878</t>
  </si>
  <si>
    <t>ゆりの木の里</t>
  </si>
  <si>
    <t>多機能型きらり夢工房</t>
  </si>
  <si>
    <t>939-8182</t>
  </si>
  <si>
    <t>日中
サービス
支援型</t>
    <rPh sb="0" eb="2">
      <t>ニッチュウ</t>
    </rPh>
    <rPh sb="8" eb="11">
      <t>シエンガタ</t>
    </rPh>
    <phoneticPr fontId="21"/>
  </si>
  <si>
    <t>キッズルームびすけっと</t>
  </si>
  <si>
    <t>076-491-3385</t>
  </si>
  <si>
    <t>01居宅・重訪</t>
    <rPh sb="2" eb="4">
      <t>キョタク</t>
    </rPh>
    <rPh sb="5" eb="6">
      <t>シゲル</t>
    </rPh>
    <rPh sb="6" eb="7">
      <t>ホウ</t>
    </rPh>
    <phoneticPr fontId="21"/>
  </si>
  <si>
    <t>上市町湯上野２７番地９</t>
  </si>
  <si>
    <t>入所・居住系</t>
    <rPh sb="0" eb="2">
      <t>ニュウショ</t>
    </rPh>
    <rPh sb="3" eb="5">
      <t>キョジュウ</t>
    </rPh>
    <rPh sb="5" eb="6">
      <t>ケイ</t>
    </rPh>
    <phoneticPr fontId="21"/>
  </si>
  <si>
    <t>相談系</t>
    <rPh sb="0" eb="2">
      <t>ソウダン</t>
    </rPh>
    <rPh sb="2" eb="3">
      <t>ケイ</t>
    </rPh>
    <phoneticPr fontId="21"/>
  </si>
  <si>
    <t>地域生活支援事業</t>
    <rPh sb="0" eb="2">
      <t>チイキ</t>
    </rPh>
    <rPh sb="2" eb="4">
      <t>セイカツ</t>
    </rPh>
    <rPh sb="4" eb="6">
      <t>シエン</t>
    </rPh>
    <rPh sb="6" eb="8">
      <t>ジギョウ</t>
    </rPh>
    <phoneticPr fontId="21"/>
  </si>
  <si>
    <t>富山市向新庄１２５４番地１０</t>
  </si>
  <si>
    <t>有限会社月光堂フォート</t>
  </si>
  <si>
    <t>基準該当</t>
  </si>
  <si>
    <t>富山市太田１４５番地１</t>
  </si>
  <si>
    <t>射水万葉会天正寺サポートセンター
（サテライト事業所：富山中央サテライトセンター）</t>
  </si>
  <si>
    <t>まる</t>
  </si>
  <si>
    <t>こもれびの森マロンケアサービス</t>
  </si>
  <si>
    <t>北陸メディカルサービス株式会社八尾営業所</t>
  </si>
  <si>
    <t>すずかぜ工房
（主：すずかぜ工房１０）
（従：すずかぜ工房１０）</t>
  </si>
  <si>
    <t>あさがお
（主：あさがお２０）
（従：大山福祉サークルひだまりの家１２）</t>
  </si>
  <si>
    <t>障害児に、日常生活における基本的な動作の指導、集団生活への適応訓練等を行います。</t>
    <rPh sb="0" eb="3">
      <t>ショウガイジ</t>
    </rPh>
    <rPh sb="5" eb="7">
      <t>ニチジョウ</t>
    </rPh>
    <rPh sb="7" eb="9">
      <t>セイカツ</t>
    </rPh>
    <rPh sb="13" eb="16">
      <t>キホンテキ</t>
    </rPh>
    <rPh sb="17" eb="19">
      <t>ドウサ</t>
    </rPh>
    <rPh sb="20" eb="22">
      <t>シドウ</t>
    </rPh>
    <rPh sb="23" eb="25">
      <t>シュウダン</t>
    </rPh>
    <rPh sb="25" eb="27">
      <t>セイカツ</t>
    </rPh>
    <rPh sb="29" eb="31">
      <t>テキオウ</t>
    </rPh>
    <rPh sb="31" eb="33">
      <t>クンレン</t>
    </rPh>
    <rPh sb="33" eb="34">
      <t>トウ</t>
    </rPh>
    <rPh sb="35" eb="36">
      <t>オコナ</t>
    </rPh>
    <phoneticPr fontId="21"/>
  </si>
  <si>
    <t>20児童発達支援のみ</t>
    <rPh sb="2" eb="4">
      <t>ジドウ</t>
    </rPh>
    <rPh sb="4" eb="6">
      <t>ハッタツ</t>
    </rPh>
    <rPh sb="6" eb="8">
      <t>シエン</t>
    </rPh>
    <phoneticPr fontId="21"/>
  </si>
  <si>
    <t>トータルサポートライトブレイン</t>
  </si>
  <si>
    <t>ワークハウス・フレンズ</t>
  </si>
  <si>
    <t>076-438-7023</t>
  </si>
  <si>
    <t>はるかぜの丘</t>
  </si>
  <si>
    <t>キッズルームひよこ</t>
  </si>
  <si>
    <t>特定非営利活動法人自立生活支援センター富山</t>
  </si>
  <si>
    <t>つくしの家
（主：つくしの家９）
（従：ウェルカムハウスつくし５）</t>
  </si>
  <si>
    <t>ウォーム・ワークやぶなみ
（就労継続支援Ｂ型事業所ウォーム・ワークやぶなみ）</t>
  </si>
  <si>
    <t>ＦＵＮＦＡＲＭのづみ野
（地域共働作業所報恩の家）、（地域共働作業所未来）</t>
  </si>
  <si>
    <t>第１けやきホーム</t>
  </si>
  <si>
    <t>076-482-3797</t>
  </si>
  <si>
    <t>グループホームコリーグＭＵＲＯＹＡ</t>
  </si>
  <si>
    <t>放課後等デイサービス事業所めばえ</t>
  </si>
  <si>
    <t>地活Ⅰ①</t>
    <rPh sb="0" eb="2">
      <t>チカツ</t>
    </rPh>
    <phoneticPr fontId="21"/>
  </si>
  <si>
    <t>076-466-6887</t>
  </si>
  <si>
    <t>愛の家ジュニア</t>
  </si>
  <si>
    <t>放課後等デイサービスあみ</t>
  </si>
  <si>
    <t>放課後等デイサービスほっぷ・すてっぷ</t>
  </si>
  <si>
    <t>富山市婦中町広田５６５０番地</t>
  </si>
  <si>
    <t>ミックスベリー</t>
  </si>
  <si>
    <t>株式会社サポートアンドケア</t>
    <rPh sb="0" eb="4">
      <t>カブシキガイシャ</t>
    </rPh>
    <phoneticPr fontId="21"/>
  </si>
  <si>
    <t>076-425-1780</t>
  </si>
  <si>
    <t>アオハル</t>
  </si>
  <si>
    <t>キッズルームちょこれいと</t>
  </si>
  <si>
    <t>特定非営利活動法人ありみね</t>
  </si>
  <si>
    <t>Ｓｈｉｎｙ</t>
  </si>
  <si>
    <t>Ｇ＆Ｇパズルワークス富山</t>
  </si>
  <si>
    <t>デイサービスしあわせ</t>
  </si>
  <si>
    <t>ありがとうホーム西田地方</t>
  </si>
  <si>
    <t>社協ホームヘルパーステーション</t>
  </si>
  <si>
    <t>930-0054</t>
  </si>
  <si>
    <t>076-432-2005</t>
  </si>
  <si>
    <t>ニチイケアセンター呉羽</t>
  </si>
  <si>
    <t>やまびこの丘</t>
  </si>
  <si>
    <t>こだまの丘</t>
  </si>
  <si>
    <t>富山市平岡１８０番地</t>
  </si>
  <si>
    <t>ほほえみの丘</t>
  </si>
  <si>
    <t>いみず苑ひびき愛</t>
  </si>
  <si>
    <t>四ツ葉園</t>
  </si>
  <si>
    <t>虹の丘たてやま</t>
  </si>
  <si>
    <t>富山県立黒部学園</t>
  </si>
  <si>
    <t>076-438-6201</t>
  </si>
  <si>
    <t>富山県立砺波学園</t>
  </si>
  <si>
    <t>デイサービス虹の丘三郷</t>
  </si>
  <si>
    <t>デイサービスセンターもみじ</t>
  </si>
  <si>
    <t>076-482-3284</t>
  </si>
  <si>
    <t>デイサービスむらのなか</t>
  </si>
  <si>
    <t>相談支援事業所ライトブレイン</t>
  </si>
  <si>
    <t>重度の肢体不自由者で、常に介護を必要とする人に、自宅で、入浴、排せつ、食事の介護、外出時における移動支援などを総合的に行います。</t>
    <rPh sb="0" eb="2">
      <t>ジュウド</t>
    </rPh>
    <rPh sb="3" eb="5">
      <t>シタイ</t>
    </rPh>
    <rPh sb="5" eb="8">
      <t>フジユウ</t>
    </rPh>
    <rPh sb="8" eb="9">
      <t>シャ</t>
    </rPh>
    <rPh sb="11" eb="12">
      <t>ツネ</t>
    </rPh>
    <rPh sb="13" eb="15">
      <t>カイゴ</t>
    </rPh>
    <rPh sb="16" eb="18">
      <t>ヒツヨウ</t>
    </rPh>
    <rPh sb="21" eb="22">
      <t>ヒト</t>
    </rPh>
    <rPh sb="24" eb="26">
      <t>ジタク</t>
    </rPh>
    <rPh sb="28" eb="30">
      <t>ニュウヨク</t>
    </rPh>
    <rPh sb="31" eb="32">
      <t>ハイ</t>
    </rPh>
    <rPh sb="35" eb="37">
      <t>ショクジ</t>
    </rPh>
    <rPh sb="38" eb="40">
      <t>カイゴ</t>
    </rPh>
    <rPh sb="41" eb="43">
      <t>ガイシュツ</t>
    </rPh>
    <rPh sb="43" eb="44">
      <t>ジ</t>
    </rPh>
    <rPh sb="48" eb="50">
      <t>イドウ</t>
    </rPh>
    <rPh sb="50" eb="52">
      <t>シエン</t>
    </rPh>
    <rPh sb="55" eb="57">
      <t>ソウゴウ</t>
    </rPh>
    <rPh sb="57" eb="58">
      <t>テキ</t>
    </rPh>
    <rPh sb="59" eb="60">
      <t>オコナ</t>
    </rPh>
    <phoneticPr fontId="21"/>
  </si>
  <si>
    <t>片口ショートステイわが家</t>
  </si>
  <si>
    <t>かえるの楽笑</t>
  </si>
  <si>
    <t>日中一時支援パラソル</t>
  </si>
  <si>
    <t>地域生活支援交流ハウスふらっと</t>
  </si>
  <si>
    <t>富山市水橋辻ヶ堂８０１番地１</t>
  </si>
  <si>
    <t>富山市開発１８１番地</t>
  </si>
  <si>
    <t>富山市城川原三丁目６番１９号</t>
  </si>
  <si>
    <t>富山市稲荷元町二丁目８番９号</t>
  </si>
  <si>
    <t>富山市藤木１８３１番地</t>
  </si>
  <si>
    <t>076-436-1041</t>
  </si>
  <si>
    <t>076-443-3856</t>
  </si>
  <si>
    <t>富山市二口町五丁目４番地１テフィスＤ棟１階Ｂ号室</t>
  </si>
  <si>
    <t>富山市下奥井一丁目１９番１６号</t>
  </si>
  <si>
    <t>富山市天正寺４８４番地１
（富山市五福１０区４５４８番地リズエール２０１）</t>
  </si>
  <si>
    <t>富山市今泉西部町２番地５ＶＩＰハイツ日本海２０１号室</t>
  </si>
  <si>
    <t>多機能
の有無</t>
    <rPh sb="0" eb="3">
      <t>タキノウ</t>
    </rPh>
    <rPh sb="5" eb="7">
      <t>ウム</t>
    </rPh>
    <phoneticPr fontId="21"/>
  </si>
  <si>
    <t>富山市石坂新１１１番地３０</t>
  </si>
  <si>
    <t>富山市大町２２番地１４</t>
  </si>
  <si>
    <t>076-451-4411</t>
  </si>
  <si>
    <t>富山市下奥井一丁目４番２号</t>
  </si>
  <si>
    <t>富山市布瀬町南二丁目９番地２</t>
  </si>
  <si>
    <t>富山市黒崎２９１番地</t>
  </si>
  <si>
    <t>第２けやきホーム</t>
  </si>
  <si>
    <t>富山市太田２２０４番地</t>
  </si>
  <si>
    <t>富山市津羽見１７１番地</t>
  </si>
  <si>
    <t>富山市大島二丁目６０８番地ハウスプラスビル</t>
  </si>
  <si>
    <t>富山市呉羽町７３２０番地１４アーバンつつじヶ丘２－Ｆ</t>
  </si>
  <si>
    <t>富山市神通本町一丁目６番９号ＭＩＰＳビル１階</t>
  </si>
  <si>
    <t>富山市西荒屋９９０番地</t>
  </si>
  <si>
    <t>富山市婦中町新町３１４５番地</t>
  </si>
  <si>
    <t>富山市富岡町３５５番地</t>
  </si>
  <si>
    <t>076-464-6865</t>
  </si>
  <si>
    <t>富山市下飯野３６番地</t>
  </si>
  <si>
    <t>富山市坂本３１１０番地</t>
  </si>
  <si>
    <t>富山市婦中町塚原１２２番地</t>
  </si>
  <si>
    <t>富山市茶屋町４４１番地３</t>
  </si>
  <si>
    <t>富山市稲代１０２３番地</t>
  </si>
  <si>
    <t>富山市城川原三丁目６番１４号</t>
  </si>
  <si>
    <t>富山市上赤江町一丁目１３番５号</t>
  </si>
  <si>
    <t>08自立（機能）</t>
    <rPh sb="2" eb="4">
      <t>ジリツ</t>
    </rPh>
    <rPh sb="5" eb="7">
      <t>キノウ</t>
    </rPh>
    <phoneticPr fontId="21"/>
  </si>
  <si>
    <t>富山市水橋柳寺３３番地１</t>
  </si>
  <si>
    <t>富山市長江本町２番４６号</t>
  </si>
  <si>
    <t>株式会社ＫＯＫＩＡ</t>
  </si>
  <si>
    <t>富山市婦中町羽根１０６８番地１２</t>
  </si>
  <si>
    <t>富山市西金屋８３６３番地２</t>
  </si>
  <si>
    <t>09自立（生活）</t>
  </si>
  <si>
    <t>株式会社ＡＬＳＲｅｌａｔｉｏｎ</t>
  </si>
  <si>
    <t>富山市才覚寺８６１番地</t>
  </si>
  <si>
    <t>富山市下奥井一丁目１２番５号</t>
  </si>
  <si>
    <t>富山市蓮町二丁目９番８号</t>
  </si>
  <si>
    <t>富山市山室２９３番地５</t>
  </si>
  <si>
    <t>富山市上大久保１３１０番地１</t>
  </si>
  <si>
    <t>富山市岩瀬古志町１８番地</t>
  </si>
  <si>
    <t>富山市五福４７４番地２</t>
  </si>
  <si>
    <t>076-467-2439</t>
  </si>
  <si>
    <t>富山市桑原２１７番地１４</t>
  </si>
  <si>
    <t>富山市呉羽町２１６４番地９</t>
  </si>
  <si>
    <t>富山市桜橋通り１番１８号北日本桜橋ビル１Ｆ</t>
  </si>
  <si>
    <t>富山市太田２１３番地</t>
  </si>
  <si>
    <t>富山市東岩瀬村１番地</t>
  </si>
  <si>
    <t>富山市赤田６９３番地</t>
  </si>
  <si>
    <t>富山市稲代４１番地４</t>
  </si>
  <si>
    <t>富山市赤田６９４番地２</t>
  </si>
  <si>
    <t>富山市清水元町３番３号</t>
  </si>
  <si>
    <t>富山市中老田１３４２番地４の２</t>
  </si>
  <si>
    <t>富山市掛尾町４７６番地２</t>
  </si>
  <si>
    <t>富山市経堂三丁目１０番３１号</t>
  </si>
  <si>
    <t>富山市八尾町黒田５３番地３</t>
  </si>
  <si>
    <t>富山市城村１４７番地３</t>
  </si>
  <si>
    <t>931-8405</t>
  </si>
  <si>
    <t>富山市野口南部１３２番地</t>
  </si>
  <si>
    <t>12堀川南</t>
  </si>
  <si>
    <t>富山市新屋１６８番地</t>
  </si>
  <si>
    <t>富山市湊入船町３番３０号ＫＮＢ入船別館２Ｆ</t>
  </si>
  <si>
    <t>富山市水橋肘崎４４１番地３</t>
  </si>
  <si>
    <t>富山市大町１４６番地</t>
  </si>
  <si>
    <t>富山市八尾町西川倉１４１０番地４</t>
  </si>
  <si>
    <t>富山市曙町２番２３号</t>
  </si>
  <si>
    <t>富山市西長江三丁目５番１８号</t>
  </si>
  <si>
    <t>富山市万願寺３５５番地１</t>
  </si>
  <si>
    <t>富山市上袋５８９番地プレジデントステイツ上袋Ｃ棟３０２号室</t>
  </si>
  <si>
    <t>富山市針原中町４３５番地</t>
  </si>
  <si>
    <t>富山市岩瀬土場町４６２番地３</t>
  </si>
  <si>
    <t>富山市上冨居三丁目１番２７号</t>
  </si>
  <si>
    <t>富山市上大久保１５８１番地１</t>
  </si>
  <si>
    <t>930-0843</t>
  </si>
  <si>
    <t>富山市安住町７番１８号富山安住町第一生命ビルディング３Ｆ</t>
  </si>
  <si>
    <t>富山市高木西１１８番地</t>
  </si>
  <si>
    <t>富山市総曲輪四丁目４番８号</t>
  </si>
  <si>
    <t>一般社団法人ｗｉｔｈｐｌｕｓ</t>
  </si>
  <si>
    <t>富山市八尾町西川倉４９５番地</t>
  </si>
  <si>
    <t>富山市呉羽町７３３１番地５</t>
  </si>
  <si>
    <t>富山市中沖３８０番地</t>
  </si>
  <si>
    <t>富山市金山新東１３番地２</t>
  </si>
  <si>
    <t>富山市上赤江町二丁目４番３８号</t>
  </si>
  <si>
    <t>富山市金山新東１９０番地</t>
  </si>
  <si>
    <t>富山市婦中町速星２０４番地</t>
  </si>
  <si>
    <t>富山市婦中町西本郷６６２番地１</t>
  </si>
  <si>
    <t>富山市桑原６２番地</t>
  </si>
  <si>
    <t>富山市水橋辻ヶ堂７７７番地</t>
  </si>
  <si>
    <t>富山市婦中町鵜坂１３９番地</t>
  </si>
  <si>
    <t>富山市蓮町二丁目７番１２号</t>
  </si>
  <si>
    <t>富山市月岡東緑町二丁目１０６番地</t>
  </si>
  <si>
    <t>射水市赤井７７番地１</t>
  </si>
  <si>
    <t>合同会社あんき家</t>
  </si>
  <si>
    <t>一般社団法人ｅｉｋｉｓｏｃｉａｌｗｏｒｋ</t>
  </si>
  <si>
    <t>一般社団法人ゆい社会福祉士共同事務所</t>
  </si>
  <si>
    <t>株式会社ユニティ</t>
  </si>
  <si>
    <t>有限会社アクセス</t>
  </si>
  <si>
    <t>076-461-7775</t>
  </si>
  <si>
    <t>株式会社まみーず</t>
  </si>
  <si>
    <t>有限会社お達者くらぶ</t>
  </si>
  <si>
    <t>076-451-6563</t>
  </si>
  <si>
    <t>舟橋村東芦原２０５番地</t>
  </si>
  <si>
    <t>一般社団法人ぽっけ</t>
  </si>
  <si>
    <t>一般社団法人ひまわりの花</t>
  </si>
  <si>
    <t>株式会社ＵＮＩＱＵＥＲ</t>
  </si>
  <si>
    <t>特定非営利活動法人にぎやか</t>
  </si>
  <si>
    <t>有限会社コリドー</t>
  </si>
  <si>
    <t>医療法人社団明寿会</t>
  </si>
  <si>
    <t>黒部市石田６７７１番地</t>
  </si>
  <si>
    <t>株式会社とやまの太陽</t>
  </si>
  <si>
    <t>株式会社オフィスＧ</t>
  </si>
  <si>
    <t>社会福祉法人射水福祉会</t>
  </si>
  <si>
    <t>社会福祉法人にいかわ苑</t>
  </si>
  <si>
    <t>富山県</t>
  </si>
  <si>
    <t>特定非営利活動法人むらのなか</t>
  </si>
  <si>
    <t>株式会社パーソナルライフサポート</t>
  </si>
  <si>
    <t>株式会社楽笑</t>
  </si>
  <si>
    <t>076-451-5457</t>
  </si>
  <si>
    <t>東京堂株式会社</t>
  </si>
  <si>
    <t>特定非営利活動法人ふらっと</t>
  </si>
  <si>
    <t>射水ライフ・サポート株式会社</t>
  </si>
  <si>
    <t>Ｕ－ＭＡＴＥ富山センター</t>
  </si>
  <si>
    <t>株式会社ケアサービス布目</t>
    <rPh sb="0" eb="4">
      <t>カブシキガイシャ</t>
    </rPh>
    <rPh sb="10" eb="12">
      <t>ヌノメ</t>
    </rPh>
    <phoneticPr fontId="21"/>
  </si>
  <si>
    <t>076-443-3855</t>
  </si>
  <si>
    <t>株式会社丸本朝日園</t>
  </si>
  <si>
    <t>富山市上滝８８番地７</t>
  </si>
  <si>
    <t>939-2741</t>
  </si>
  <si>
    <t>076-464-5506</t>
  </si>
  <si>
    <t>939-8195</t>
  </si>
  <si>
    <t>930-0983</t>
  </si>
  <si>
    <t>富山市永久町１５番５２号</t>
  </si>
  <si>
    <t>あいうえおん</t>
  </si>
  <si>
    <t>076-438-3295</t>
  </si>
  <si>
    <t>076-471-0799</t>
  </si>
  <si>
    <t>076-464-3758</t>
  </si>
  <si>
    <t>076-471-6131</t>
  </si>
  <si>
    <t>076-478-1773</t>
  </si>
  <si>
    <t>930-0955</t>
  </si>
  <si>
    <t>076-461-7163</t>
  </si>
  <si>
    <t>931-8343</t>
  </si>
  <si>
    <t>076-411-6566</t>
  </si>
  <si>
    <t>076-471-5936</t>
  </si>
  <si>
    <t>富山市堀川町４７５番地</t>
  </si>
  <si>
    <t>931-0151</t>
  </si>
  <si>
    <t>076-451-5427</t>
  </si>
  <si>
    <t>076-438-8009</t>
  </si>
  <si>
    <t>障害者（児）の日中における活動の場を確保し、日常的に介護している家族の一時的な休息を支援します。</t>
    <rPh sb="0" eb="3">
      <t>ショウガイシャ</t>
    </rPh>
    <rPh sb="7" eb="9">
      <t>ニッチュウ</t>
    </rPh>
    <rPh sb="13" eb="15">
      <t>カツドウ</t>
    </rPh>
    <rPh sb="16" eb="17">
      <t>バ</t>
    </rPh>
    <rPh sb="18" eb="20">
      <t>カクホ</t>
    </rPh>
    <rPh sb="22" eb="24">
      <t>ニチジョウ</t>
    </rPh>
    <rPh sb="24" eb="25">
      <t>テキ</t>
    </rPh>
    <rPh sb="26" eb="28">
      <t>カイゴ</t>
    </rPh>
    <rPh sb="32" eb="34">
      <t>カゾク</t>
    </rPh>
    <rPh sb="35" eb="38">
      <t>イチジテキ</t>
    </rPh>
    <rPh sb="39" eb="41">
      <t>キュウソク</t>
    </rPh>
    <rPh sb="42" eb="44">
      <t>シエン</t>
    </rPh>
    <phoneticPr fontId="21"/>
  </si>
  <si>
    <t>03同行援護</t>
    <rPh sb="2" eb="4">
      <t>ドウコウ</t>
    </rPh>
    <rPh sb="4" eb="6">
      <t>エンゴ</t>
    </rPh>
    <phoneticPr fontId="21"/>
  </si>
  <si>
    <t>05療養介護</t>
    <rPh sb="2" eb="4">
      <t>リョウヨウ</t>
    </rPh>
    <rPh sb="4" eb="6">
      <t>カイゴ</t>
    </rPh>
    <phoneticPr fontId="21"/>
  </si>
  <si>
    <t>050-6868-9185</t>
  </si>
  <si>
    <t>06短期入所</t>
    <rPh sb="2" eb="4">
      <t>タンキ</t>
    </rPh>
    <rPh sb="4" eb="6">
      <t>ニュウショ</t>
    </rPh>
    <phoneticPr fontId="21"/>
  </si>
  <si>
    <t>09自立（生活）</t>
    <rPh sb="2" eb="4">
      <t>ジリツ</t>
    </rPh>
    <rPh sb="5" eb="7">
      <t>セイカツ</t>
    </rPh>
    <phoneticPr fontId="21"/>
  </si>
  <si>
    <t>11就労継続支援Ａ型</t>
    <rPh sb="2" eb="4">
      <t>シュウロウ</t>
    </rPh>
    <rPh sb="4" eb="6">
      <t>ケイゾク</t>
    </rPh>
    <rPh sb="6" eb="8">
      <t>シエン</t>
    </rPh>
    <rPh sb="9" eb="10">
      <t>ガタ</t>
    </rPh>
    <phoneticPr fontId="21"/>
  </si>
  <si>
    <t>13就労定着</t>
    <rPh sb="2" eb="4">
      <t>シュウロウ</t>
    </rPh>
    <rPh sb="4" eb="6">
      <t>テイチャク</t>
    </rPh>
    <phoneticPr fontId="21"/>
  </si>
  <si>
    <t>076-460-0206</t>
  </si>
  <si>
    <t>076-466-1338</t>
  </si>
  <si>
    <t>076-411-9232</t>
  </si>
  <si>
    <t>076-482-3982</t>
  </si>
  <si>
    <t>0798-42-8609</t>
  </si>
  <si>
    <t>930-0093</t>
  </si>
  <si>
    <t>930-0086</t>
  </si>
  <si>
    <t>050-3159-8034</t>
  </si>
  <si>
    <t>076－464-4117</t>
  </si>
  <si>
    <t>076-461-7155</t>
  </si>
  <si>
    <t>076-461-5844</t>
  </si>
  <si>
    <t>939-8271</t>
  </si>
  <si>
    <t>076-461-4460</t>
  </si>
  <si>
    <t>076-461-4560</t>
  </si>
  <si>
    <t>076-492-2532</t>
  </si>
  <si>
    <t>076-411-7835</t>
  </si>
  <si>
    <t>076-428-9522</t>
  </si>
  <si>
    <t>076-428-9511</t>
  </si>
  <si>
    <t>076-482-2201</t>
  </si>
  <si>
    <t>939-8075</t>
  </si>
  <si>
    <t>富山市綾田町一丁目１０番１８号</t>
  </si>
  <si>
    <t>地活Ⅰ③</t>
    <rPh sb="0" eb="2">
      <t>チカツ</t>
    </rPh>
    <phoneticPr fontId="21"/>
  </si>
  <si>
    <t>66野積地区</t>
  </si>
  <si>
    <t>地活Ⅲ③</t>
    <rPh sb="0" eb="2">
      <t>チカツ</t>
    </rPh>
    <phoneticPr fontId="21"/>
  </si>
  <si>
    <t>株式会社ＡＯＧＹ</t>
  </si>
  <si>
    <t>地活Ⅲ⑤</t>
    <rPh sb="0" eb="2">
      <t>チカツ</t>
    </rPh>
    <phoneticPr fontId="21"/>
  </si>
  <si>
    <t>076-444-8590</t>
  </si>
  <si>
    <t>076-432-1219</t>
  </si>
  <si>
    <t>076-494-8451</t>
  </si>
  <si>
    <t>076-482-6518</t>
  </si>
  <si>
    <t>076-405-9277</t>
  </si>
  <si>
    <t>090-7747-3100</t>
  </si>
  <si>
    <t>076-425-0631</t>
  </si>
  <si>
    <t>076-425-0895</t>
  </si>
  <si>
    <t>076-438-5678</t>
  </si>
  <si>
    <t>076-438-6001</t>
  </si>
  <si>
    <t>076-460-4239</t>
  </si>
  <si>
    <t>076-438-5523</t>
  </si>
  <si>
    <t>076-478-1191</t>
  </si>
  <si>
    <t>076-471-5002</t>
  </si>
  <si>
    <t>076-482-4886</t>
  </si>
  <si>
    <t>076-434-8101</t>
  </si>
  <si>
    <t>076-467-0969</t>
  </si>
  <si>
    <t>076-428-0113</t>
  </si>
  <si>
    <t>076-461-5131</t>
  </si>
  <si>
    <t>076-411-9217</t>
  </si>
  <si>
    <t>076-482-3712</t>
  </si>
  <si>
    <t>076-428-0114</t>
  </si>
  <si>
    <t>076-462-1736</t>
  </si>
  <si>
    <t>富山市婦中町速星８９番地１Ａ・ウオッシュ婦中ベースＡ－５</t>
  </si>
  <si>
    <t>930-0108</t>
  </si>
  <si>
    <t>訪問系</t>
  </si>
  <si>
    <t>21児童発達支援、放課後等デイ</t>
  </si>
  <si>
    <t>株式会社スロークカンパニー</t>
  </si>
  <si>
    <t>株式会社サポートアンドケア</t>
  </si>
  <si>
    <t>サービスをクリックすると該当の事業所一覧が表示されます。</t>
    <rPh sb="12" eb="14">
      <t>ガイトウ</t>
    </rPh>
    <rPh sb="15" eb="18">
      <t>ジギョウショ</t>
    </rPh>
    <rPh sb="18" eb="20">
      <t>イチラン</t>
    </rPh>
    <rPh sb="21" eb="23">
      <t>ヒョウジ</t>
    </rPh>
    <phoneticPr fontId="21"/>
  </si>
  <si>
    <t>17五福</t>
  </si>
  <si>
    <t>48水橋東部</t>
  </si>
  <si>
    <t>きみ色とやま</t>
    <rPh sb="2" eb="3">
      <t>イロ</t>
    </rPh>
    <phoneticPr fontId="21"/>
  </si>
  <si>
    <t>富山市亀谷３５０番地１３</t>
  </si>
  <si>
    <t>富山市西野新４７番地</t>
  </si>
  <si>
    <t>自立した日常生活又は社会生活ができるよう、一定期間、生活能力の向上のために必要な訓練を行います。</t>
    <rPh sb="0" eb="2">
      <t>ジリツ</t>
    </rPh>
    <rPh sb="4" eb="6">
      <t>ニチジョウ</t>
    </rPh>
    <rPh sb="6" eb="8">
      <t>セイカツ</t>
    </rPh>
    <rPh sb="8" eb="9">
      <t>マタ</t>
    </rPh>
    <rPh sb="10" eb="12">
      <t>シャカイ</t>
    </rPh>
    <rPh sb="12" eb="14">
      <t>セイカツ</t>
    </rPh>
    <rPh sb="21" eb="23">
      <t>イッテイ</t>
    </rPh>
    <rPh sb="23" eb="25">
      <t>キカン</t>
    </rPh>
    <rPh sb="26" eb="28">
      <t>セイカツ</t>
    </rPh>
    <rPh sb="28" eb="30">
      <t>ノウリョク</t>
    </rPh>
    <rPh sb="31" eb="33">
      <t>コウジョウ</t>
    </rPh>
    <rPh sb="37" eb="39">
      <t>ヒツヨウ</t>
    </rPh>
    <rPh sb="40" eb="42">
      <t>クンレン</t>
    </rPh>
    <rPh sb="43" eb="44">
      <t>オコナ</t>
    </rPh>
    <phoneticPr fontId="21"/>
  </si>
  <si>
    <t>28藤ノ木</t>
  </si>
  <si>
    <t>富山市牛島本町二丁目７番８号</t>
    <rPh sb="7" eb="8">
      <t>ニ</t>
    </rPh>
    <phoneticPr fontId="21"/>
  </si>
  <si>
    <t>26新庄</t>
  </si>
  <si>
    <t>株式会社ＭＯＮＯＬＩＴＨ</t>
  </si>
  <si>
    <t>26日中一時支援</t>
    <rPh sb="2" eb="4">
      <t>ニッチュウ</t>
    </rPh>
    <rPh sb="4" eb="6">
      <t>イチジ</t>
    </rPh>
    <rPh sb="6" eb="8">
      <t>シエン</t>
    </rPh>
    <phoneticPr fontId="21"/>
  </si>
  <si>
    <t>ヘルパーステーションカルシア</t>
  </si>
  <si>
    <t>930-0161</t>
  </si>
  <si>
    <t>さくらデイサービス黒崎</t>
  </si>
  <si>
    <t>076-471-7948</t>
  </si>
  <si>
    <t>富山市藤木１８５７番地５</t>
  </si>
  <si>
    <t>指定児童発達支援事業所富山県リハビリテーション病院・こども支援センター</t>
  </si>
  <si>
    <t>自宅で介護する人が病気の場合などに、短期間、夜間も含め施設で入浴、排せつ、食事の介護等を行います。</t>
    <rPh sb="0" eb="2">
      <t>ジタク</t>
    </rPh>
    <rPh sb="3" eb="5">
      <t>カイゴ</t>
    </rPh>
    <rPh sb="7" eb="8">
      <t>ヒト</t>
    </rPh>
    <rPh sb="9" eb="11">
      <t>ビョウキ</t>
    </rPh>
    <rPh sb="12" eb="14">
      <t>バアイ</t>
    </rPh>
    <rPh sb="18" eb="21">
      <t>タンキカン</t>
    </rPh>
    <rPh sb="22" eb="24">
      <t>ヤカン</t>
    </rPh>
    <rPh sb="25" eb="26">
      <t>フク</t>
    </rPh>
    <rPh sb="27" eb="29">
      <t>シセツ</t>
    </rPh>
    <rPh sb="30" eb="32">
      <t>ニュウヨク</t>
    </rPh>
    <rPh sb="33" eb="34">
      <t>ハイ</t>
    </rPh>
    <rPh sb="37" eb="39">
      <t>ショクジ</t>
    </rPh>
    <rPh sb="40" eb="42">
      <t>カイゴ</t>
    </rPh>
    <rPh sb="42" eb="43">
      <t>トウ</t>
    </rPh>
    <rPh sb="44" eb="45">
      <t>オコナ</t>
    </rPh>
    <phoneticPr fontId="21"/>
  </si>
  <si>
    <t>939-2312</t>
  </si>
  <si>
    <t>短期入所富山天正寺</t>
  </si>
  <si>
    <t>入善町入膳２９４２番地１１</t>
  </si>
  <si>
    <t>身近な場所にある介護保険法の指定通所介護（デイサービス）事業所において、障害者の方がデイサービス等の障害福祉サービスを受けることができる事業所です。</t>
    <rPh sb="0" eb="2">
      <t>ミジカ</t>
    </rPh>
    <rPh sb="3" eb="5">
      <t>バショ</t>
    </rPh>
    <rPh sb="8" eb="13">
      <t>カイゴホケンホウ</t>
    </rPh>
    <rPh sb="14" eb="18">
      <t>シテイツウショ</t>
    </rPh>
    <rPh sb="18" eb="20">
      <t>カイゴ</t>
    </rPh>
    <rPh sb="28" eb="31">
      <t>ジギョウショ</t>
    </rPh>
    <rPh sb="36" eb="39">
      <t>ショウガイシャ</t>
    </rPh>
    <rPh sb="40" eb="41">
      <t>カタ</t>
    </rPh>
    <rPh sb="48" eb="49">
      <t>トウ</t>
    </rPh>
    <rPh sb="50" eb="54">
      <t>ショウガイフクシ</t>
    </rPh>
    <rPh sb="59" eb="60">
      <t>ウ</t>
    </rPh>
    <rPh sb="68" eb="71">
      <t>ジギョウショ</t>
    </rPh>
    <phoneticPr fontId="21"/>
  </si>
  <si>
    <t>939-2206</t>
  </si>
  <si>
    <t>939-8101</t>
  </si>
  <si>
    <t>076－461-7765</t>
  </si>
  <si>
    <t>939-8185</t>
  </si>
  <si>
    <t>076－481-6878</t>
  </si>
  <si>
    <t>日本社会福祉デザインセンターＢ型</t>
  </si>
  <si>
    <t>076-492-0931</t>
  </si>
  <si>
    <t>939-8201</t>
  </si>
  <si>
    <t>れいんぼーめぐり
（主：れいんぼ－めぐり２０）
（従：れいんぼーめぐり滑川２０）</t>
  </si>
  <si>
    <t>080-5048-0324</t>
  </si>
  <si>
    <t>076－461-8782</t>
  </si>
  <si>
    <t>富山市花園町三丁目４番１９号ＡＫビル３階</t>
  </si>
  <si>
    <t>076-451-8013</t>
  </si>
  <si>
    <t>サービス内容</t>
    <rPh sb="4" eb="6">
      <t>ナイヨウ</t>
    </rPh>
    <phoneticPr fontId="21"/>
  </si>
  <si>
    <t>知的障害又は精神障害により行動上著しい困難を有する障害者であって常に介護を必要とする人に、行動する際の危険を回避するための支援、外出時における移動中の介護、排せつ及び食事等の介護等を行います。</t>
    <rPh sb="0" eb="2">
      <t>チテキ</t>
    </rPh>
    <rPh sb="2" eb="4">
      <t>ショウガイ</t>
    </rPh>
    <rPh sb="4" eb="5">
      <t>マタ</t>
    </rPh>
    <rPh sb="6" eb="8">
      <t>セイシン</t>
    </rPh>
    <rPh sb="8" eb="10">
      <t>ショウガイ</t>
    </rPh>
    <rPh sb="13" eb="15">
      <t>コウドウ</t>
    </rPh>
    <rPh sb="15" eb="16">
      <t>ジョウ</t>
    </rPh>
    <rPh sb="16" eb="17">
      <t>イチジル</t>
    </rPh>
    <rPh sb="19" eb="21">
      <t>コンナン</t>
    </rPh>
    <rPh sb="22" eb="23">
      <t>ユウ</t>
    </rPh>
    <rPh sb="25" eb="28">
      <t>ショウガイシャ</t>
    </rPh>
    <rPh sb="32" eb="33">
      <t>ツネ</t>
    </rPh>
    <rPh sb="34" eb="36">
      <t>カイゴ</t>
    </rPh>
    <rPh sb="37" eb="39">
      <t>ヒツヨウ</t>
    </rPh>
    <rPh sb="42" eb="43">
      <t>ヒト</t>
    </rPh>
    <rPh sb="45" eb="47">
      <t>コウドウ</t>
    </rPh>
    <rPh sb="49" eb="50">
      <t>サイ</t>
    </rPh>
    <rPh sb="51" eb="53">
      <t>キケン</t>
    </rPh>
    <rPh sb="54" eb="56">
      <t>カイヒ</t>
    </rPh>
    <rPh sb="61" eb="63">
      <t>シエン</t>
    </rPh>
    <rPh sb="64" eb="66">
      <t>ガイシュツ</t>
    </rPh>
    <rPh sb="66" eb="67">
      <t>ジ</t>
    </rPh>
    <rPh sb="71" eb="74">
      <t>イドウチュウ</t>
    </rPh>
    <rPh sb="75" eb="77">
      <t>カイゴ</t>
    </rPh>
    <rPh sb="78" eb="79">
      <t>ハイ</t>
    </rPh>
    <rPh sb="81" eb="82">
      <t>オヨ</t>
    </rPh>
    <rPh sb="83" eb="85">
      <t>ショクジ</t>
    </rPh>
    <rPh sb="85" eb="86">
      <t>トウ</t>
    </rPh>
    <rPh sb="87" eb="89">
      <t>カイゴ</t>
    </rPh>
    <rPh sb="89" eb="90">
      <t>トウ</t>
    </rPh>
    <rPh sb="91" eb="92">
      <t>オコナ</t>
    </rPh>
    <phoneticPr fontId="21"/>
  </si>
  <si>
    <t>一般企業等での就労が困難な人に、働く場を提供するとともに、知識及び能力の向上のために必要な訓練を行います。</t>
    <rPh sb="0" eb="2">
      <t>イッパン</t>
    </rPh>
    <rPh sb="2" eb="4">
      <t>キギョウ</t>
    </rPh>
    <rPh sb="4" eb="5">
      <t>トウ</t>
    </rPh>
    <rPh sb="7" eb="9">
      <t>シュウロウ</t>
    </rPh>
    <rPh sb="10" eb="12">
      <t>コンナン</t>
    </rPh>
    <rPh sb="13" eb="14">
      <t>ヒト</t>
    </rPh>
    <rPh sb="16" eb="17">
      <t>ハタラ</t>
    </rPh>
    <rPh sb="18" eb="19">
      <t>バ</t>
    </rPh>
    <rPh sb="20" eb="22">
      <t>テイキョウ</t>
    </rPh>
    <rPh sb="29" eb="31">
      <t>チシキ</t>
    </rPh>
    <rPh sb="31" eb="32">
      <t>オヨ</t>
    </rPh>
    <rPh sb="33" eb="35">
      <t>ノウリョク</t>
    </rPh>
    <rPh sb="36" eb="38">
      <t>コウジョウ</t>
    </rPh>
    <rPh sb="42" eb="44">
      <t>ヒツヨウ</t>
    </rPh>
    <rPh sb="45" eb="47">
      <t>クンレン</t>
    </rPh>
    <rPh sb="48" eb="49">
      <t>オコナ</t>
    </rPh>
    <phoneticPr fontId="21"/>
  </si>
  <si>
    <t>施設に入所する人に、夜間や休日、入浴、排せつ、食事の介護等を行います。</t>
    <rPh sb="0" eb="2">
      <t>シセツ</t>
    </rPh>
    <rPh sb="3" eb="5">
      <t>ニュウショ</t>
    </rPh>
    <rPh sb="7" eb="8">
      <t>ヒト</t>
    </rPh>
    <rPh sb="10" eb="12">
      <t>ヤカン</t>
    </rPh>
    <rPh sb="13" eb="15">
      <t>キュウジツ</t>
    </rPh>
    <rPh sb="16" eb="18">
      <t>ニュウヨク</t>
    </rPh>
    <rPh sb="19" eb="20">
      <t>ハイ</t>
    </rPh>
    <rPh sb="23" eb="25">
      <t>ショクジ</t>
    </rPh>
    <rPh sb="26" eb="28">
      <t>カイゴ</t>
    </rPh>
    <rPh sb="28" eb="29">
      <t>トウ</t>
    </rPh>
    <rPh sb="30" eb="31">
      <t>オコナ</t>
    </rPh>
    <phoneticPr fontId="21"/>
  </si>
  <si>
    <t>就学している障害児に、授業の終了後または休業日に、生活能力の向上のために必要な訓練等を行います。</t>
  </si>
  <si>
    <t>総合的な相談、障害福祉サービスの利用に関するサービス等利用計画の作成などの相談支援を行います。</t>
    <rPh sb="0" eb="2">
      <t>ソウゴウ</t>
    </rPh>
    <rPh sb="2" eb="3">
      <t>テキ</t>
    </rPh>
    <rPh sb="4" eb="6">
      <t>ソウダン</t>
    </rPh>
    <rPh sb="7" eb="9">
      <t>ショウガイ</t>
    </rPh>
    <rPh sb="9" eb="11">
      <t>フクシ</t>
    </rPh>
    <rPh sb="16" eb="18">
      <t>リヨウ</t>
    </rPh>
    <rPh sb="19" eb="20">
      <t>カン</t>
    </rPh>
    <rPh sb="26" eb="27">
      <t>トウ</t>
    </rPh>
    <rPh sb="27" eb="29">
      <t>リヨウ</t>
    </rPh>
    <rPh sb="29" eb="31">
      <t>ケイカク</t>
    </rPh>
    <rPh sb="32" eb="34">
      <t>サクセイ</t>
    </rPh>
    <rPh sb="37" eb="39">
      <t>ソウダン</t>
    </rPh>
    <rPh sb="39" eb="41">
      <t>シエン</t>
    </rPh>
    <rPh sb="42" eb="43">
      <t>オコナ</t>
    </rPh>
    <phoneticPr fontId="21"/>
  </si>
  <si>
    <t>創作的活動または生産活動の機会の提供、社会との交流の場を提供します。</t>
    <rPh sb="0" eb="3">
      <t>ソウサクテキ</t>
    </rPh>
    <rPh sb="3" eb="5">
      <t>カツドウ</t>
    </rPh>
    <rPh sb="8" eb="12">
      <t>セイサンカツドウ</t>
    </rPh>
    <rPh sb="13" eb="15">
      <t>キカイ</t>
    </rPh>
    <rPh sb="16" eb="18">
      <t>テイキョウ</t>
    </rPh>
    <rPh sb="19" eb="21">
      <t>シャカイ</t>
    </rPh>
    <rPh sb="23" eb="25">
      <t>コウリュウ</t>
    </rPh>
    <rPh sb="26" eb="27">
      <t>バ</t>
    </rPh>
    <rPh sb="28" eb="30">
      <t>テイキョウ</t>
    </rPh>
    <phoneticPr fontId="21"/>
  </si>
  <si>
    <t>930-0812</t>
  </si>
  <si>
    <t>就労継続支援事業Ａ型・Ｂ型「久遠チョコレート富山」</t>
  </si>
  <si>
    <t>090-2371-4265</t>
  </si>
  <si>
    <t>076-428-1630</t>
  </si>
  <si>
    <t>939-8057</t>
  </si>
  <si>
    <t>076-471-5895</t>
  </si>
  <si>
    <t>076-464-4116</t>
  </si>
  <si>
    <t>930-0094</t>
  </si>
  <si>
    <t>076-425-6953</t>
  </si>
  <si>
    <t>富山市中布目１６３番地</t>
  </si>
  <si>
    <t>08星井町</t>
  </si>
  <si>
    <t>富山市犬島新町一丁目１番２４号</t>
  </si>
  <si>
    <t>富山市上大久保１３０８番地２</t>
  </si>
  <si>
    <t>富山市上赤江町二丁目９番２２号</t>
  </si>
  <si>
    <t>ＪＯＢふたくち</t>
  </si>
  <si>
    <t>076-422-6030</t>
  </si>
  <si>
    <t>076-493-5366</t>
  </si>
  <si>
    <t>特定非営利活動法人クラシーズ</t>
  </si>
  <si>
    <t>076-464-0086</t>
  </si>
  <si>
    <t>療養介護</t>
  </si>
  <si>
    <t>富山市上大久保８９３番地１</t>
  </si>
  <si>
    <t>076-471-0431</t>
  </si>
  <si>
    <t>17相談（地域移行・地域定着）</t>
    <rPh sb="2" eb="4">
      <t>ソウダン</t>
    </rPh>
    <rPh sb="5" eb="7">
      <t>チイキ</t>
    </rPh>
    <rPh sb="7" eb="9">
      <t>イコウ</t>
    </rPh>
    <rPh sb="10" eb="14">
      <t>チイキテイチャク</t>
    </rPh>
    <phoneticPr fontId="21"/>
  </si>
  <si>
    <t>富山市針原中町４３５番地</t>
    <rPh sb="0" eb="3">
      <t>トヤマシ</t>
    </rPh>
    <rPh sb="3" eb="7">
      <t>ハリハラナカマチ</t>
    </rPh>
    <rPh sb="10" eb="12">
      <t>バンチ</t>
    </rPh>
    <phoneticPr fontId="21"/>
  </si>
  <si>
    <t>富山市犬島三丁目８番２３号</t>
    <rPh sb="5" eb="6">
      <t>サン</t>
    </rPh>
    <phoneticPr fontId="21"/>
  </si>
  <si>
    <t>930-0851</t>
  </si>
  <si>
    <t>富山市太郎丸西町一丁目２番地３</t>
  </si>
  <si>
    <t>とやま生協デイサービスセンターまる～な</t>
  </si>
  <si>
    <t>富山市太田字住吉割２１３番地１</t>
  </si>
  <si>
    <t>富山市牛島本町二丁目７番８号</t>
  </si>
  <si>
    <t>富山市八尾町大杉３３８７番地２</t>
  </si>
  <si>
    <t>富山市上大久保１９１７番地</t>
  </si>
  <si>
    <t>社会福祉法人富山市社会福祉協議会</t>
  </si>
  <si>
    <t>55大久保地区</t>
  </si>
  <si>
    <t>就労継続支援コラーレ富山</t>
  </si>
  <si>
    <t>076-464-9688</t>
  </si>
  <si>
    <t>社会福祉法人富山市桜谷福祉会</t>
  </si>
  <si>
    <t>デイサービス愛の家</t>
  </si>
  <si>
    <t>富山市上滝４２４番地２</t>
  </si>
  <si>
    <t>076-466-2285</t>
  </si>
  <si>
    <t>076-465-1219</t>
  </si>
  <si>
    <t>44老田</t>
  </si>
  <si>
    <t>上市町稗田１番地３２</t>
  </si>
  <si>
    <t>ｔｗｉｎ</t>
  </si>
  <si>
    <t>富山市犬島新町一丁目６番地３８６号</t>
    <rPh sb="11" eb="12">
      <t>バン</t>
    </rPh>
    <rPh sb="12" eb="13">
      <t>チ</t>
    </rPh>
    <rPh sb="16" eb="17">
      <t>ゴウ</t>
    </rPh>
    <phoneticPr fontId="21"/>
  </si>
  <si>
    <t>939-2702</t>
  </si>
  <si>
    <t>株式会社バロン</t>
  </si>
  <si>
    <t>富山市西金屋６６８２番地</t>
  </si>
  <si>
    <t>富山市八尾町黒田１２４４番地</t>
  </si>
  <si>
    <t>指定保育所等訪問支援事業富山県リハビリテーション病院・こども支援センター</t>
  </si>
  <si>
    <t>富山市下大久保３３８２番地３モアクレスト風テナント３</t>
  </si>
  <si>
    <t>富山市二口町一丁目１５番地７</t>
  </si>
  <si>
    <t>富山市西宮５６番地２</t>
  </si>
  <si>
    <t>ヴィスト株式会社</t>
  </si>
  <si>
    <t>富山市鹿島町二丁目５番１号</t>
  </si>
  <si>
    <t>ウェルビー富山センター</t>
  </si>
  <si>
    <t>富山市大島二丁目６０８番地</t>
  </si>
  <si>
    <t>ＮＰＯ法人みつわ</t>
  </si>
  <si>
    <t>076-471-0877</t>
  </si>
  <si>
    <t>サポートハウス神通さくら野</t>
  </si>
  <si>
    <t>富山市上野９０２番地</t>
  </si>
  <si>
    <t>076-467-5220</t>
  </si>
  <si>
    <t>076-420-7250</t>
  </si>
  <si>
    <t>02愛宕</t>
  </si>
  <si>
    <t>オリーブハウス水橋</t>
  </si>
  <si>
    <t>トータルサポートライトブレイン大町校</t>
    <rPh sb="15" eb="18">
      <t>オオマチコウ</t>
    </rPh>
    <phoneticPr fontId="21"/>
  </si>
  <si>
    <t>076-464-9689</t>
  </si>
  <si>
    <t>富山市粟島町二丁目９番２１号</t>
  </si>
  <si>
    <t>富山市水橋肘崎１１２番地８</t>
  </si>
  <si>
    <t>富山市新桜町２番２１号ＭＫＤ．９富山ビル１階</t>
  </si>
  <si>
    <t>076-464-6066</t>
  </si>
  <si>
    <t>富山市松若町１１番２０号</t>
    <rPh sb="3" eb="4">
      <t>マツ</t>
    </rPh>
    <rPh sb="4" eb="5">
      <t>ワカ</t>
    </rPh>
    <rPh sb="5" eb="6">
      <t>マチ</t>
    </rPh>
    <rPh sb="8" eb="9">
      <t>バン</t>
    </rPh>
    <rPh sb="11" eb="12">
      <t>ゴウ</t>
    </rPh>
    <phoneticPr fontId="21"/>
  </si>
  <si>
    <t>株式会社グリア</t>
  </si>
  <si>
    <t>30山室中部</t>
  </si>
  <si>
    <t>14自立生活援助</t>
    <rPh sb="2" eb="4">
      <t>ジリツ</t>
    </rPh>
    <rPh sb="4" eb="8">
      <t>セイカツエンジョ</t>
    </rPh>
    <phoneticPr fontId="21"/>
  </si>
  <si>
    <t>ｇｎｕ富山上冨居</t>
  </si>
  <si>
    <t>ソーシャルインクルーホーム富山天正寺</t>
  </si>
  <si>
    <t>株式会社トマックサポートセンター</t>
  </si>
  <si>
    <t>富山市窪本町５番地１６</t>
  </si>
  <si>
    <t>21大広田</t>
  </si>
  <si>
    <t>富山市大島二丁目５９６番地３１</t>
  </si>
  <si>
    <t>とやま生活協同組合</t>
  </si>
  <si>
    <t>特定非営利活動法人いいね</t>
  </si>
  <si>
    <t>ウェルビー株式会社</t>
  </si>
  <si>
    <t>わくや</t>
  </si>
  <si>
    <t>ソーシャルインクルー株式会社</t>
  </si>
  <si>
    <t>株式会社Ｇｒｅｅｎ</t>
  </si>
  <si>
    <t>株式会社うちくるアシスト</t>
  </si>
  <si>
    <t>アンフェーデ株式会社</t>
  </si>
  <si>
    <t>株式会社アポケアとやま</t>
  </si>
  <si>
    <t>一般社団法人みなみとやま福祉会</t>
  </si>
  <si>
    <t>株式会社インフィニティ</t>
  </si>
  <si>
    <t>株式会社キュービックネットワークスジャパン</t>
  </si>
  <si>
    <t>特定非営利活動法人キッズアイ</t>
  </si>
  <si>
    <t>15共同生活援助</t>
    <rPh sb="2" eb="4">
      <t>キョウドウ</t>
    </rPh>
    <rPh sb="4" eb="6">
      <t>セイカツ</t>
    </rPh>
    <rPh sb="6" eb="8">
      <t>エンジョ</t>
    </rPh>
    <phoneticPr fontId="21"/>
  </si>
  <si>
    <t>21児童発達支援、放課後等デイ</t>
    <rPh sb="2" eb="4">
      <t>ジドウ</t>
    </rPh>
    <rPh sb="4" eb="6">
      <t>ハッタツ</t>
    </rPh>
    <rPh sb="6" eb="8">
      <t>シエン</t>
    </rPh>
    <rPh sb="9" eb="13">
      <t>ホウカゴトウ</t>
    </rPh>
    <phoneticPr fontId="21"/>
  </si>
  <si>
    <t>22放課後等デイのみ</t>
    <rPh sb="2" eb="6">
      <t>ホウカゴトウ</t>
    </rPh>
    <phoneticPr fontId="21"/>
  </si>
  <si>
    <t>滑川市上小泉４１２番地２</t>
  </si>
  <si>
    <t>24基準該当（富山型）デイサービス</t>
  </si>
  <si>
    <t>富山市中川原３９９番地１</t>
  </si>
  <si>
    <t>27訪問入浴サービス</t>
    <rPh sb="2" eb="4">
      <t>ホウモン</t>
    </rPh>
    <rPh sb="4" eb="6">
      <t>ニュウヨク</t>
    </rPh>
    <phoneticPr fontId="21"/>
  </si>
  <si>
    <t>29地域活動支援センターⅡ型</t>
  </si>
  <si>
    <t>30地域活動支援センターⅢ型</t>
  </si>
  <si>
    <t>あいうえおんみらい</t>
  </si>
  <si>
    <t>富山市粟島町二丁目２番１号</t>
  </si>
  <si>
    <t>富山市高内２区３８７番地４サントピア４１１Ｆ</t>
  </si>
  <si>
    <t>富山市安養坊２５６番地１</t>
  </si>
  <si>
    <t>富山市内幸町７番９号内幸町ラ・フォンテ４０４号室</t>
  </si>
  <si>
    <t>富山市中田二丁目２番２４号メゾン・ヴィレ・マール３０１</t>
  </si>
  <si>
    <t>ヴィストカレッジ富山駅前</t>
  </si>
  <si>
    <t>富山市秋吉１３０番地４</t>
  </si>
  <si>
    <t>富山市八尾町上ケ島３１３番地</t>
  </si>
  <si>
    <t>富山市水橋小路２８６番地２</t>
  </si>
  <si>
    <t>富山市八町５２７４番地２</t>
  </si>
  <si>
    <t>富山市稲代１０３７番地</t>
  </si>
  <si>
    <t>富山市八尾町水口８８番地</t>
  </si>
  <si>
    <t>富山市四ツ葉町１９番３号</t>
  </si>
  <si>
    <t>富山市吉作３６４番地２</t>
  </si>
  <si>
    <t>富山市寺町けや木台７１番地</t>
  </si>
  <si>
    <t>富山市藤木１５４２番地１</t>
  </si>
  <si>
    <t>富山市下新本町１０番４９号</t>
  </si>
  <si>
    <t>富山市長江本町２番４７号</t>
  </si>
  <si>
    <t>富山市二俣３６８番地１</t>
  </si>
  <si>
    <t>富山市向新庄町五丁目７番３５号</t>
  </si>
  <si>
    <t>富山市堀川町３００番地セ・モンテビル２０７号</t>
  </si>
  <si>
    <t>富山市下赤江町一丁目１３番３号</t>
  </si>
  <si>
    <t>富山市水橋狐塚３０番地２６</t>
  </si>
  <si>
    <t>富山市岩瀬幸町５０５番地</t>
  </si>
  <si>
    <t>富山市上大久保２１０９番地２</t>
  </si>
  <si>
    <t>富山市二口町四丁目１０番地１５</t>
  </si>
  <si>
    <t>富山市婦中町羽根新５番地</t>
  </si>
  <si>
    <t>富山市八尾町水口１６５６番地</t>
  </si>
  <si>
    <t>富山市向新庄町一丁目３９５番６号</t>
  </si>
  <si>
    <t>富山市新川原町５番９号レジデンス新川原１階</t>
  </si>
  <si>
    <t>富山市西金屋６６９６番地８</t>
  </si>
  <si>
    <t>富山市掛尾町２４３番地６</t>
  </si>
  <si>
    <t>富山市婦中町速星９９７番地</t>
  </si>
  <si>
    <t>富山市新庄町二丁目１５番３４号</t>
  </si>
  <si>
    <t>076-456-9288</t>
  </si>
  <si>
    <t>富山市二口町四丁目１番地３</t>
  </si>
  <si>
    <t>富山市海岸通１７６番地６</t>
  </si>
  <si>
    <t>富山市婦中町中名１０７７番地７</t>
  </si>
  <si>
    <t>富山市八尾町西神通８８２番地１</t>
  </si>
  <si>
    <t>40呉羽</t>
  </si>
  <si>
    <t>高岡市清水町一丁目７番３０号</t>
  </si>
  <si>
    <t>射水市七美７２７番地</t>
  </si>
  <si>
    <t>入善町椚山３４１０番地１</t>
  </si>
  <si>
    <t>立山町米沢４４番地１４</t>
  </si>
  <si>
    <t>砺波市福山１１６４番地</t>
  </si>
  <si>
    <t>射水市片口８２８番地</t>
  </si>
  <si>
    <t>富山市長柄町三丁目６番６号</t>
  </si>
  <si>
    <t>富山市蜷川１５番地富山市障害者福祉プラザ内</t>
  </si>
  <si>
    <t>富山市今泉３１２番地</t>
  </si>
  <si>
    <t>株式会社ジーティ</t>
  </si>
  <si>
    <t>社会福祉法人高岡市社会福祉協議会</t>
  </si>
  <si>
    <t>一般社団法人愛森会</t>
  </si>
  <si>
    <t>有限会社尚栄</t>
  </si>
  <si>
    <t>930-0815</t>
  </si>
  <si>
    <t>076-451-4393</t>
  </si>
  <si>
    <t>076-482-3283</t>
  </si>
  <si>
    <t>090-2123-4471</t>
  </si>
  <si>
    <t>930-0857</t>
  </si>
  <si>
    <t>とやま生協ヘルパーステーションまる～な</t>
  </si>
  <si>
    <t>ホームケア土屋富山</t>
  </si>
  <si>
    <t>ケアサポートジョジョ</t>
  </si>
  <si>
    <t>サンウェルズ秋吉ヘルパーステーション
（居宅介護のみ）</t>
  </si>
  <si>
    <t>指定短期入所事業所富山県リハビリテーション病院・こども支援センター</t>
  </si>
  <si>
    <t>ワーカウト富山</t>
  </si>
  <si>
    <t>わいあっと</t>
  </si>
  <si>
    <t>らいふず</t>
  </si>
  <si>
    <t>ワークステーションさくら長江事業所</t>
  </si>
  <si>
    <t>うちくるアシスト富山</t>
  </si>
  <si>
    <t>きらら</t>
  </si>
  <si>
    <t>きずな</t>
  </si>
  <si>
    <t>ｇｎｕ富山水橋肘崎</t>
  </si>
  <si>
    <t>グループホームいいね土場町</t>
  </si>
  <si>
    <t>テルエ家八尾東</t>
  </si>
  <si>
    <t>障害支援事業所ヴィオラ</t>
  </si>
  <si>
    <t>相談支援センターみつわ</t>
  </si>
  <si>
    <t>コペルプラス富山教室</t>
  </si>
  <si>
    <t>トータルサポートライトブレインアロマプラス</t>
  </si>
  <si>
    <t>01総曲輪</t>
  </si>
  <si>
    <t>ＳＡＣＣＡ</t>
  </si>
  <si>
    <t>指定放課後等デイサービス事業所富山県リハビリテーション病院・こども支援センター</t>
  </si>
  <si>
    <t>放課後等デイサービスほたる</t>
  </si>
  <si>
    <t>てくてく</t>
  </si>
  <si>
    <t>はなまるデイサービスセンター</t>
  </si>
  <si>
    <t>富山生きる場センター</t>
  </si>
  <si>
    <t>富山市安養坊１２１番地１２</t>
  </si>
  <si>
    <t>富山市堀川町５８８番地２６</t>
  </si>
  <si>
    <t>照笑株式会社</t>
  </si>
  <si>
    <t>富山市千石町五丁目３番７号</t>
    <rPh sb="6" eb="7">
      <t>5</t>
    </rPh>
    <phoneticPr fontId="21"/>
  </si>
  <si>
    <t>赤いふうせん富山型デイサービス</t>
    <rPh sb="0" eb="1">
      <t>アカ</t>
    </rPh>
    <rPh sb="6" eb="8">
      <t>トヤマ</t>
    </rPh>
    <rPh sb="8" eb="9">
      <t>ガタ</t>
    </rPh>
    <phoneticPr fontId="21"/>
  </si>
  <si>
    <t>939-8205</t>
  </si>
  <si>
    <t>076-464-9885</t>
  </si>
  <si>
    <t>ヴィストカレッジ富山中央</t>
    <rPh sb="8" eb="10">
      <t>トヤマ</t>
    </rPh>
    <rPh sb="10" eb="12">
      <t>チュウオウ</t>
    </rPh>
    <phoneticPr fontId="21"/>
  </si>
  <si>
    <t>富山市犬島新町一丁目６番３８６号</t>
  </si>
  <si>
    <t>富山市新根塚町一丁目５番１号</t>
    <rPh sb="3" eb="7">
      <t>シンネヅカマチ</t>
    </rPh>
    <rPh sb="7" eb="10">
      <t>イッチョウメ</t>
    </rPh>
    <rPh sb="11" eb="12">
      <t>バン</t>
    </rPh>
    <rPh sb="13" eb="14">
      <t>ゴウ</t>
    </rPh>
    <phoneticPr fontId="21"/>
  </si>
  <si>
    <t>69速星地区</t>
  </si>
  <si>
    <t>36四方</t>
  </si>
  <si>
    <t>富山市新屋１４９番１</t>
  </si>
  <si>
    <t>939-8213</t>
  </si>
  <si>
    <t>ＣｌｏｖｅｒＷｏｒｋｓ</t>
  </si>
  <si>
    <t>01富山地域</t>
  </si>
  <si>
    <t>恵風会グループホーム</t>
  </si>
  <si>
    <t>わいあっとぷらす</t>
  </si>
  <si>
    <t>53船峅地区</t>
  </si>
  <si>
    <t>富山市太田口通り二丁目２番１６号</t>
    <rPh sb="3" eb="5">
      <t>オオタ</t>
    </rPh>
    <rPh sb="5" eb="6">
      <t>クチ</t>
    </rPh>
    <rPh sb="6" eb="7">
      <t>トオ</t>
    </rPh>
    <rPh sb="8" eb="11">
      <t>ニチョウメ</t>
    </rPh>
    <rPh sb="12" eb="13">
      <t>バン</t>
    </rPh>
    <rPh sb="15" eb="16">
      <t>ゴウ</t>
    </rPh>
    <phoneticPr fontId="21"/>
  </si>
  <si>
    <t>日本ウェルフェア合同会社</t>
    <rPh sb="0" eb="2">
      <t>ニホン</t>
    </rPh>
    <rPh sb="8" eb="12">
      <t>ゴウドウガイシャ</t>
    </rPh>
    <phoneticPr fontId="21"/>
  </si>
  <si>
    <t>58大庄地区</t>
  </si>
  <si>
    <t>931-8345</t>
  </si>
  <si>
    <t>10光陽</t>
  </si>
  <si>
    <t>076-471-7949</t>
  </si>
  <si>
    <t>富山市中川原１４３番地３</t>
    <rPh sb="0" eb="3">
      <t>トヤマシ</t>
    </rPh>
    <rPh sb="3" eb="6">
      <t>ナカガワラ</t>
    </rPh>
    <rPh sb="9" eb="11">
      <t>バンチ</t>
    </rPh>
    <phoneticPr fontId="21"/>
  </si>
  <si>
    <t>25広田</t>
  </si>
  <si>
    <t>076-461-4331</t>
  </si>
  <si>
    <t>ヘルパーステーションゆいゆい</t>
  </si>
  <si>
    <t>富山市金泉寺４００番地１</t>
  </si>
  <si>
    <t>61保内地区</t>
  </si>
  <si>
    <t>富山市本郷中部４４０番地</t>
  </si>
  <si>
    <t>45池多</t>
  </si>
  <si>
    <t>076-464-3359</t>
  </si>
  <si>
    <t>930-0231</t>
  </si>
  <si>
    <t>09西田地方</t>
  </si>
  <si>
    <t>スポーツコミュニケーションスクールカラフル富山けやき通り校</t>
  </si>
  <si>
    <t>03大山地域</t>
  </si>
  <si>
    <t>射水万葉会天正寺サポートセンター</t>
  </si>
  <si>
    <t>中新川郡立山町前沢新町１６３番地</t>
    <rPh sb="0" eb="4">
      <t>ナカニイカワグン</t>
    </rPh>
    <rPh sb="4" eb="7">
      <t>タテヤママチ</t>
    </rPh>
    <rPh sb="7" eb="11">
      <t>マエザワシンマチ</t>
    </rPh>
    <rPh sb="14" eb="16">
      <t>バンチ</t>
    </rPh>
    <phoneticPr fontId="21"/>
  </si>
  <si>
    <t>富山市上袋６０５番地それいゆｉビル３－Ｂ</t>
    <rPh sb="0" eb="3">
      <t>トヤマシ</t>
    </rPh>
    <rPh sb="3" eb="5">
      <t>カミブクロ</t>
    </rPh>
    <rPh sb="8" eb="10">
      <t>バンチ</t>
    </rPh>
    <phoneticPr fontId="21"/>
  </si>
  <si>
    <t>930-0813</t>
  </si>
  <si>
    <t>株式会社ヒロックス</t>
    <rPh sb="0" eb="4">
      <t>カブシキガイシャ</t>
    </rPh>
    <phoneticPr fontId="21"/>
  </si>
  <si>
    <t>50上条</t>
  </si>
  <si>
    <t>富山市安養坊５８２番地１</t>
  </si>
  <si>
    <t>16桜谷</t>
  </si>
  <si>
    <t>18神明</t>
  </si>
  <si>
    <t>939-0564</t>
  </si>
  <si>
    <t>57大山地区</t>
  </si>
  <si>
    <t>076-482-6697</t>
  </si>
  <si>
    <t>076-462-0888</t>
  </si>
  <si>
    <t>70鵜坂地区</t>
  </si>
  <si>
    <t>富山市南新町３番２号</t>
    <rPh sb="0" eb="3">
      <t>トヤマシ</t>
    </rPh>
    <rPh sb="3" eb="6">
      <t>ミナミシンマチ</t>
    </rPh>
    <rPh sb="7" eb="8">
      <t>バン</t>
    </rPh>
    <rPh sb="9" eb="10">
      <t>ゴウ</t>
    </rPh>
    <phoneticPr fontId="21"/>
  </si>
  <si>
    <t>株式会社あまてらす</t>
    <rPh sb="0" eb="4">
      <t>カブシキガイシャ</t>
    </rPh>
    <phoneticPr fontId="21"/>
  </si>
  <si>
    <t>富山市奥田双葉町１５番３２号奥田双葉町ハイツＩ</t>
  </si>
  <si>
    <t>地区</t>
    <rPh sb="0" eb="2">
      <t>チク</t>
    </rPh>
    <phoneticPr fontId="21"/>
  </si>
  <si>
    <t>富山市清水元町２番地４春田ビル２階</t>
    <rPh sb="0" eb="2">
      <t>トヤマ</t>
    </rPh>
    <rPh sb="2" eb="3">
      <t>シ</t>
    </rPh>
    <rPh sb="3" eb="5">
      <t>シミズ</t>
    </rPh>
    <phoneticPr fontId="21"/>
  </si>
  <si>
    <t>富山市東岩瀬町（岩瀬土場町）３９２番地１</t>
  </si>
  <si>
    <t>地域</t>
    <rPh sb="0" eb="2">
      <t>チイキ</t>
    </rPh>
    <phoneticPr fontId="21"/>
  </si>
  <si>
    <t>02大沢野地域</t>
  </si>
  <si>
    <t>04八尾地域</t>
  </si>
  <si>
    <t>06山田地域</t>
  </si>
  <si>
    <t>03安野屋</t>
  </si>
  <si>
    <t>04八人町</t>
  </si>
  <si>
    <t>05五番町</t>
  </si>
  <si>
    <t>06柳町</t>
  </si>
  <si>
    <t>07清水町</t>
  </si>
  <si>
    <t>11堀川</t>
  </si>
  <si>
    <t>13東部</t>
  </si>
  <si>
    <t>15奥田北</t>
  </si>
  <si>
    <t>32蜷川</t>
  </si>
  <si>
    <t>19岩瀬</t>
  </si>
  <si>
    <t>22浜黒崎</t>
  </si>
  <si>
    <t>29山室</t>
  </si>
  <si>
    <t>31太田</t>
  </si>
  <si>
    <t>34熊野</t>
  </si>
  <si>
    <t>35月岡</t>
  </si>
  <si>
    <t>37八幡</t>
  </si>
  <si>
    <t>38草島</t>
  </si>
  <si>
    <t>46水橋中部</t>
  </si>
  <si>
    <t>47水橋西部</t>
  </si>
  <si>
    <t>49三郷</t>
  </si>
  <si>
    <t>27新庄北</t>
  </si>
  <si>
    <t>54大沢野地区</t>
  </si>
  <si>
    <t>56上滝地区</t>
  </si>
  <si>
    <t>72宮川地区</t>
  </si>
  <si>
    <t>73婦中熊野地区</t>
  </si>
  <si>
    <t>74古里地区</t>
  </si>
  <si>
    <t>80山田東部地区</t>
  </si>
  <si>
    <t>22放課後等デイのみ</t>
  </si>
  <si>
    <t>23保育所訪問</t>
  </si>
  <si>
    <t>その他</t>
  </si>
  <si>
    <t>富山市呉羽町７２７６番地３</t>
    <rPh sb="3" eb="6">
      <t>クレハマチ</t>
    </rPh>
    <phoneticPr fontId="21"/>
  </si>
  <si>
    <t>076-461-4555</t>
  </si>
  <si>
    <t>076-461-4556</t>
  </si>
  <si>
    <t>一般社団法人Ｂｅ．カラフル</t>
    <rPh sb="0" eb="6">
      <t>イッパンシャダンホウジン</t>
    </rPh>
    <phoneticPr fontId="21"/>
  </si>
  <si>
    <t>076-482-6698</t>
  </si>
  <si>
    <t>ヴィストカレッジ富山駅北</t>
    <rPh sb="8" eb="10">
      <t>トヤマ</t>
    </rPh>
    <rPh sb="10" eb="12">
      <t>エキキタ</t>
    </rPh>
    <phoneticPr fontId="21"/>
  </si>
  <si>
    <t>有限会社アロマ</t>
    <rPh sb="0" eb="4">
      <t>ユウゲンカイシャ</t>
    </rPh>
    <phoneticPr fontId="21"/>
  </si>
  <si>
    <t>076-462-0777</t>
  </si>
  <si>
    <t>富山市掛尾町２４３番地６</t>
    <rPh sb="0" eb="3">
      <t>トヤマシ</t>
    </rPh>
    <rPh sb="3" eb="6">
      <t>カケオマチ</t>
    </rPh>
    <rPh sb="9" eb="11">
      <t>バンチ</t>
    </rPh>
    <phoneticPr fontId="21"/>
  </si>
  <si>
    <t>有限会社アクセス</t>
    <rPh sb="0" eb="4">
      <t>ユウゲンカイシャ</t>
    </rPh>
    <phoneticPr fontId="21"/>
  </si>
  <si>
    <t>富山市牛島本町二丁目７番８号</t>
    <rPh sb="0" eb="3">
      <t>トヤマシ</t>
    </rPh>
    <rPh sb="3" eb="7">
      <t>ウシジマホンマチ</t>
    </rPh>
    <rPh sb="7" eb="10">
      <t>ニチョウメ</t>
    </rPh>
    <rPh sb="11" eb="12">
      <t>バン</t>
    </rPh>
    <rPh sb="13" eb="14">
      <t>ゴウ</t>
    </rPh>
    <phoneticPr fontId="21"/>
  </si>
  <si>
    <t>富山市堀川小泉７９７番地１北野ハイツ１階</t>
    <rPh sb="3" eb="7">
      <t>ホリカワコイズミ</t>
    </rPh>
    <rPh sb="10" eb="12">
      <t>バンチ</t>
    </rPh>
    <rPh sb="13" eb="15">
      <t>キタノ</t>
    </rPh>
    <rPh sb="19" eb="20">
      <t>カイ</t>
    </rPh>
    <phoneticPr fontId="21"/>
  </si>
  <si>
    <t>930-1332</t>
  </si>
  <si>
    <t>デイサービス花みずき弐番館</t>
  </si>
  <si>
    <t>グループホームゆいゆい</t>
  </si>
  <si>
    <t>富山市婦中町中名９０３番地３３</t>
    <rPh sb="0" eb="3">
      <t>トヤマシ</t>
    </rPh>
    <rPh sb="3" eb="6">
      <t>フチュウマチ</t>
    </rPh>
    <rPh sb="6" eb="8">
      <t>ナカナ</t>
    </rPh>
    <rPh sb="11" eb="13">
      <t>バンチ</t>
    </rPh>
    <phoneticPr fontId="21"/>
  </si>
  <si>
    <t>076-465-1218</t>
  </si>
  <si>
    <t>939-8306</t>
  </si>
  <si>
    <t>ゆくる</t>
  </si>
  <si>
    <t>富山市婦中町中名９０３番地４０</t>
  </si>
  <si>
    <t>株式会社ＦＬＣ</t>
  </si>
  <si>
    <t>株式会社リマイン</t>
  </si>
  <si>
    <t>富山市諏訪川原一丁目１０番１９号２階</t>
    <rPh sb="0" eb="3">
      <t>トヤマシ</t>
    </rPh>
    <rPh sb="7" eb="8">
      <t>イチ</t>
    </rPh>
    <rPh sb="15" eb="16">
      <t>ゴウ</t>
    </rPh>
    <phoneticPr fontId="21"/>
  </si>
  <si>
    <t>076-471-0798</t>
  </si>
  <si>
    <t>076-464-9884</t>
  </si>
  <si>
    <t>076-464-5468</t>
  </si>
  <si>
    <t>ゆりの木の里就労継続支援B型事業所</t>
  </si>
  <si>
    <t>相談支援事業所ソワン</t>
  </si>
  <si>
    <t>富山市西荒屋５４６番地スカイビル１０２号</t>
  </si>
  <si>
    <t>株式会社イン・ケアメント</t>
  </si>
  <si>
    <t>相談支援事業所愛の家</t>
    <rPh sb="0" eb="4">
      <t>ソウダンシエン</t>
    </rPh>
    <rPh sb="4" eb="7">
      <t>ジギョウショ</t>
    </rPh>
    <rPh sb="7" eb="8">
      <t>アイ</t>
    </rPh>
    <rPh sb="9" eb="10">
      <t>イエ</t>
    </rPh>
    <phoneticPr fontId="21"/>
  </si>
  <si>
    <t>富山市月見町四丁目４６番地</t>
  </si>
  <si>
    <t>富山市水橋清水堂３１４６番地</t>
    <rPh sb="0" eb="3">
      <t>トヤマシ</t>
    </rPh>
    <rPh sb="3" eb="5">
      <t>ミズハシ</t>
    </rPh>
    <rPh sb="5" eb="8">
      <t>シミズドウ</t>
    </rPh>
    <rPh sb="12" eb="14">
      <t>バンチ</t>
    </rPh>
    <phoneticPr fontId="21"/>
  </si>
  <si>
    <t>グループホームニューリーフ</t>
  </si>
  <si>
    <t>富山市五福３４１５番地２２</t>
    <rPh sb="0" eb="3">
      <t>トヤマシ</t>
    </rPh>
    <rPh sb="3" eb="5">
      <t>ゴフク</t>
    </rPh>
    <rPh sb="9" eb="11">
      <t>バンチ</t>
    </rPh>
    <phoneticPr fontId="21"/>
  </si>
  <si>
    <t>076-493-5345</t>
  </si>
  <si>
    <t>デイサービスすまいる</t>
  </si>
  <si>
    <t>株式会社染屋</t>
    <rPh sb="0" eb="4">
      <t>カブシキガイシャ</t>
    </rPh>
    <rPh sb="4" eb="6">
      <t>ソメヤ</t>
    </rPh>
    <phoneticPr fontId="21"/>
  </si>
  <si>
    <t>ふわふわらんど水橋清水堂（休止）</t>
    <rPh sb="7" eb="12">
      <t>ミズハシシミズドウ</t>
    </rPh>
    <rPh sb="13" eb="15">
      <t>キュウシ</t>
    </rPh>
    <phoneticPr fontId="21"/>
  </si>
  <si>
    <t>ディサービス地球の子（休止）</t>
    <rPh sb="11" eb="13">
      <t>キュウシ</t>
    </rPh>
    <phoneticPr fontId="21"/>
  </si>
  <si>
    <t>障害福祉サービス事業所萌黄（休止）</t>
    <rPh sb="14" eb="16">
      <t>キュウシ</t>
    </rPh>
    <phoneticPr fontId="21"/>
  </si>
  <si>
    <t>指定生活介護事業所富山県リハビリテーション病院・こども支援センター（休止）</t>
    <rPh sb="34" eb="36">
      <t>キュウシ</t>
    </rPh>
    <phoneticPr fontId="21"/>
  </si>
  <si>
    <t>富山市新庄本町三丁目２番２号</t>
  </si>
  <si>
    <t>ケアサポートアイリス</t>
  </si>
  <si>
    <t>つなぎ</t>
  </si>
  <si>
    <t>株式会社Ｊｕｓｔｌｉｖｅ</t>
  </si>
  <si>
    <t>ウィズステーションさくら相談支援事業所</t>
    <rPh sb="12" eb="14">
      <t>ソウダン</t>
    </rPh>
    <rPh sb="14" eb="16">
      <t>シエン</t>
    </rPh>
    <rPh sb="16" eb="19">
      <t>ジギョウショ</t>
    </rPh>
    <phoneticPr fontId="21"/>
  </si>
  <si>
    <t>株式会社タカギコーポレーション</t>
    <rPh sb="0" eb="4">
      <t>カブシキガイシャ</t>
    </rPh>
    <phoneticPr fontId="21"/>
  </si>
  <si>
    <t>ウィズステーションさくら相談支援事業所</t>
  </si>
  <si>
    <t>グループホームひとつだけの花</t>
    <rPh sb="13" eb="14">
      <t>ハナ</t>
    </rPh>
    <phoneticPr fontId="21"/>
  </si>
  <si>
    <t>富山市東老田８１２番地</t>
    <rPh sb="0" eb="3">
      <t>トヤマシ</t>
    </rPh>
    <rPh sb="3" eb="6">
      <t>ヒガシオイダ</t>
    </rPh>
    <rPh sb="9" eb="11">
      <t>バンチ</t>
    </rPh>
    <phoneticPr fontId="21"/>
  </si>
  <si>
    <t>076-464-6107</t>
  </si>
  <si>
    <t>一般社団法人アシスト</t>
    <rPh sb="0" eb="6">
      <t>イッパンシャダンホウジン</t>
    </rPh>
    <phoneticPr fontId="21"/>
  </si>
  <si>
    <t>相談支援事業所わいあっとぷらす</t>
    <rPh sb="0" eb="4">
      <t>ソウダンシエン</t>
    </rPh>
    <rPh sb="4" eb="7">
      <t>ジギョウショ</t>
    </rPh>
    <phoneticPr fontId="21"/>
  </si>
  <si>
    <t>076-425-5151</t>
  </si>
  <si>
    <t>さくらグループホーム向新庄</t>
    <rPh sb="10" eb="11">
      <t>ムケ</t>
    </rPh>
    <rPh sb="11" eb="13">
      <t>シンジョウ</t>
    </rPh>
    <phoneticPr fontId="21"/>
  </si>
  <si>
    <t>富山市向新庄２３２番地１</t>
    <rPh sb="0" eb="3">
      <t>トヤマシ</t>
    </rPh>
    <rPh sb="3" eb="6">
      <t>ムカイシンジョウ</t>
    </rPh>
    <rPh sb="9" eb="11">
      <t>バンチ</t>
    </rPh>
    <phoneticPr fontId="21"/>
  </si>
  <si>
    <t>076-461-4970</t>
  </si>
  <si>
    <t>076-461-4971</t>
  </si>
  <si>
    <t>富山市婦中町長沢字中坪４６１４番地１</t>
    <rPh sb="0" eb="3">
      <t>トヤマシ</t>
    </rPh>
    <rPh sb="3" eb="5">
      <t>フチュウ</t>
    </rPh>
    <rPh sb="5" eb="6">
      <t>マチ</t>
    </rPh>
    <rPh sb="6" eb="8">
      <t>ナガサワ</t>
    </rPh>
    <rPh sb="8" eb="11">
      <t>アザナカツボ</t>
    </rPh>
    <rPh sb="15" eb="17">
      <t>バンチ</t>
    </rPh>
    <phoneticPr fontId="21"/>
  </si>
  <si>
    <t>076-464-5616</t>
  </si>
  <si>
    <t>富山市大町１０番地５</t>
    <rPh sb="3" eb="5">
      <t>オオマチ</t>
    </rPh>
    <rPh sb="7" eb="9">
      <t>バンチ</t>
    </rPh>
    <phoneticPr fontId="21"/>
  </si>
  <si>
    <t>076-481-6816</t>
  </si>
  <si>
    <t>富山市古川８番地</t>
    <rPh sb="3" eb="5">
      <t>フルカワ</t>
    </rPh>
    <rPh sb="6" eb="8">
      <t>バンチ</t>
    </rPh>
    <phoneticPr fontId="21"/>
  </si>
  <si>
    <t>アクア富山訪問介護</t>
    <rPh sb="3" eb="9">
      <t>トヤマホウモンカイゴ</t>
    </rPh>
    <phoneticPr fontId="21"/>
  </si>
  <si>
    <t>930-0832</t>
  </si>
  <si>
    <t>富山市中冨居１５番７３号</t>
    <rPh sb="0" eb="3">
      <t>トヤマシ</t>
    </rPh>
    <rPh sb="3" eb="6">
      <t>ナカフゴ</t>
    </rPh>
    <rPh sb="8" eb="9">
      <t>バン</t>
    </rPh>
    <rPh sb="11" eb="12">
      <t>ゴウ</t>
    </rPh>
    <phoneticPr fontId="21"/>
  </si>
  <si>
    <t>076-471-8944</t>
  </si>
  <si>
    <t>有限会社𠮷本自動車工業</t>
    <rPh sb="0" eb="12">
      <t>ユウゲンガイシャヨシモトジドウシャコウギョウ</t>
    </rPh>
    <phoneticPr fontId="21"/>
  </si>
  <si>
    <t>キッズホームリリーフ</t>
    <phoneticPr fontId="21"/>
  </si>
  <si>
    <t>930-0835</t>
    <phoneticPr fontId="21"/>
  </si>
  <si>
    <t>富山市上冨居一丁目４６番１号</t>
    <rPh sb="0" eb="3">
      <t>トヤマシ</t>
    </rPh>
    <rPh sb="3" eb="6">
      <t>カミフゴ</t>
    </rPh>
    <rPh sb="6" eb="9">
      <t>イッチョウメ</t>
    </rPh>
    <rPh sb="11" eb="12">
      <t>バン</t>
    </rPh>
    <rPh sb="13" eb="14">
      <t>ゴウ</t>
    </rPh>
    <phoneticPr fontId="21"/>
  </si>
  <si>
    <t>076-407-5199</t>
    <phoneticPr fontId="21"/>
  </si>
  <si>
    <t>076-407-5198</t>
    <phoneticPr fontId="21"/>
  </si>
  <si>
    <t>富山市水橋辻ヶ堂６９９番地２</t>
    <rPh sb="5" eb="8">
      <t>ツジガドウ</t>
    </rPh>
    <phoneticPr fontId="21"/>
  </si>
  <si>
    <t>となりのくじらぐも</t>
    <phoneticPr fontId="21"/>
  </si>
  <si>
    <t>となりのくじらぐも</t>
    <phoneticPr fontId="21"/>
  </si>
  <si>
    <t>富山市高島６９番地８</t>
    <phoneticPr fontId="21"/>
  </si>
  <si>
    <t>076-461-7544</t>
    <phoneticPr fontId="21"/>
  </si>
  <si>
    <t>076-461-7374</t>
    <phoneticPr fontId="21"/>
  </si>
  <si>
    <t>富山市奥田新町８番１号ボルファートとやま１００８号</t>
    <phoneticPr fontId="21"/>
  </si>
  <si>
    <t>富山市奥田新町８番１号ボルファートとやま１００８号</t>
    <phoneticPr fontId="21"/>
  </si>
  <si>
    <t>076-464-5506</t>
    <phoneticPr fontId="21"/>
  </si>
  <si>
    <t>076-464-5616</t>
    <phoneticPr fontId="21"/>
  </si>
  <si>
    <t>931-8453</t>
    <phoneticPr fontId="21"/>
  </si>
  <si>
    <t>930-0857</t>
    <phoneticPr fontId="21"/>
  </si>
  <si>
    <t>930-0857</t>
    <phoneticPr fontId="21"/>
  </si>
  <si>
    <t>939-2606</t>
    <phoneticPr fontId="21"/>
  </si>
  <si>
    <t>931-8441</t>
    <phoneticPr fontId="21"/>
  </si>
  <si>
    <t>富山市上大久保１３０８番地２</t>
    <phoneticPr fontId="21"/>
  </si>
  <si>
    <t>富山市上大久保１３０８番地２</t>
    <phoneticPr fontId="21"/>
  </si>
  <si>
    <t>080-3578-5300</t>
    <phoneticPr fontId="21"/>
  </si>
  <si>
    <t>富山市上大久保１５８１番地１</t>
    <phoneticPr fontId="21"/>
  </si>
  <si>
    <t>Ｇ＆Ｇアソシエイト株式会社</t>
    <phoneticPr fontId="21"/>
  </si>
  <si>
    <t>富山市総曲輪四丁目４番３号</t>
    <phoneticPr fontId="21"/>
  </si>
  <si>
    <t>930-2208</t>
    <phoneticPr fontId="21"/>
  </si>
  <si>
    <t>富山市中田三丁目６番２８号</t>
    <phoneticPr fontId="21"/>
  </si>
  <si>
    <t>相談支援事業所アプリコット</t>
    <phoneticPr fontId="21"/>
  </si>
  <si>
    <t>コペルプラス富山中央教室</t>
    <rPh sb="8" eb="10">
      <t>チュウオウ</t>
    </rPh>
    <phoneticPr fontId="21"/>
  </si>
  <si>
    <t>939-8081</t>
    <phoneticPr fontId="21"/>
  </si>
  <si>
    <t>富山市堀川小泉町４９３番地</t>
    <rPh sb="0" eb="3">
      <t>トヤマシ</t>
    </rPh>
    <rPh sb="3" eb="8">
      <t>ホリカワコイズミチョウ</t>
    </rPh>
    <rPh sb="11" eb="13">
      <t>バンチ</t>
    </rPh>
    <phoneticPr fontId="21"/>
  </si>
  <si>
    <t>076-413-4601</t>
    <phoneticPr fontId="21"/>
  </si>
  <si>
    <t>076-413-4603</t>
    <phoneticPr fontId="21"/>
  </si>
  <si>
    <t>北陸メディカルサービス株式会社八尾営業所（休止）</t>
    <rPh sb="21" eb="23">
      <t>キュウシ</t>
    </rPh>
    <phoneticPr fontId="21"/>
  </si>
  <si>
    <t>939-3515</t>
    <phoneticPr fontId="21"/>
  </si>
  <si>
    <t>076-468-0557</t>
    <phoneticPr fontId="21"/>
  </si>
  <si>
    <t>富山オレンジ</t>
    <rPh sb="0" eb="2">
      <t>トヤマ</t>
    </rPh>
    <phoneticPr fontId="21"/>
  </si>
  <si>
    <t>930-0841</t>
    <phoneticPr fontId="21"/>
  </si>
  <si>
    <t>富山市四ツ葉町２２番２３号</t>
    <rPh sb="0" eb="3">
      <t>トヤマシ</t>
    </rPh>
    <phoneticPr fontId="21"/>
  </si>
  <si>
    <t>076-441-5560</t>
    <phoneticPr fontId="21"/>
  </si>
  <si>
    <t>076-441-5561</t>
    <phoneticPr fontId="21"/>
  </si>
  <si>
    <t>株式会社オレンジ</t>
    <phoneticPr fontId="21"/>
  </si>
  <si>
    <t>さくらハウス</t>
    <phoneticPr fontId="21"/>
  </si>
  <si>
    <t>076-431-5355</t>
    <phoneticPr fontId="21"/>
  </si>
  <si>
    <t>076-431-5355</t>
    <phoneticPr fontId="21"/>
  </si>
  <si>
    <t>合同会社ウエルト</t>
    <rPh sb="0" eb="4">
      <t>ゴウドウガイシャ</t>
    </rPh>
    <phoneticPr fontId="21"/>
  </si>
  <si>
    <t>パーソルネクステージ富山</t>
    <phoneticPr fontId="21"/>
  </si>
  <si>
    <t>930-0057</t>
    <phoneticPr fontId="21"/>
  </si>
  <si>
    <t>富山市高木西１１８番地</t>
    <phoneticPr fontId="21"/>
  </si>
  <si>
    <t>富山市上本町３番１６号上本町ビル５階</t>
    <rPh sb="0" eb="3">
      <t>トヤマシ</t>
    </rPh>
    <phoneticPr fontId="21"/>
  </si>
  <si>
    <t>076-420-6830</t>
    <phoneticPr fontId="21"/>
  </si>
  <si>
    <t>076-420-6831</t>
    <phoneticPr fontId="21"/>
  </si>
  <si>
    <t>パーソルネクステージ株式会社</t>
    <phoneticPr fontId="21"/>
  </si>
  <si>
    <t>訪問入浴サービス嬉浴</t>
    <rPh sb="0" eb="2">
      <t>ホウモン</t>
    </rPh>
    <rPh sb="2" eb="4">
      <t>ニュウヨク</t>
    </rPh>
    <rPh sb="8" eb="9">
      <t>キ</t>
    </rPh>
    <rPh sb="9" eb="10">
      <t>ヨク</t>
    </rPh>
    <phoneticPr fontId="21"/>
  </si>
  <si>
    <t>939-0306</t>
    <phoneticPr fontId="21"/>
  </si>
  <si>
    <t>射水市手崎１８２番地１</t>
    <rPh sb="0" eb="3">
      <t>イミズシ</t>
    </rPh>
    <rPh sb="3" eb="5">
      <t>テサキ</t>
    </rPh>
    <rPh sb="8" eb="10">
      <t>バンチ</t>
    </rPh>
    <phoneticPr fontId="21"/>
  </si>
  <si>
    <t>0766-50-8269</t>
    <phoneticPr fontId="21"/>
  </si>
  <si>
    <t>0766-50-8279</t>
    <phoneticPr fontId="21"/>
  </si>
  <si>
    <t>株式会社嬉浴</t>
    <rPh sb="0" eb="4">
      <t>カブシキカイシャ</t>
    </rPh>
    <rPh sb="4" eb="5">
      <t>キ</t>
    </rPh>
    <rPh sb="5" eb="6">
      <t>ヨク</t>
    </rPh>
    <phoneticPr fontId="21"/>
  </si>
  <si>
    <t>●</t>
    <phoneticPr fontId="21"/>
  </si>
  <si>
    <t>多機能型事業所ＳＡＣＣＡ豊田</t>
    <rPh sb="0" eb="7">
      <t>タキノウガタジギョウショ</t>
    </rPh>
    <rPh sb="12" eb="14">
      <t>トヨタ</t>
    </rPh>
    <phoneticPr fontId="21"/>
  </si>
  <si>
    <t>931-8314</t>
    <phoneticPr fontId="21"/>
  </si>
  <si>
    <t>富山市粟島町二丁目１番４２号</t>
    <rPh sb="0" eb="3">
      <t>トヤマシ</t>
    </rPh>
    <rPh sb="3" eb="6">
      <t>アワシママチ</t>
    </rPh>
    <rPh sb="6" eb="9">
      <t>ニチョウメ</t>
    </rPh>
    <rPh sb="10" eb="11">
      <t>バン</t>
    </rPh>
    <rPh sb="13" eb="14">
      <t>ゴウ</t>
    </rPh>
    <phoneticPr fontId="21"/>
  </si>
  <si>
    <t>080-8880-4815</t>
    <phoneticPr fontId="21"/>
  </si>
  <si>
    <t>株式会社ＫＯＫＩＡ</t>
    <rPh sb="0" eb="4">
      <t>カブシキガイシャ</t>
    </rPh>
    <phoneticPr fontId="21"/>
  </si>
  <si>
    <t>939-8222</t>
    <phoneticPr fontId="21"/>
  </si>
  <si>
    <t>富山市蜷川１５番地富山市障害者福祉プラザ内</t>
    <phoneticPr fontId="21"/>
  </si>
  <si>
    <t>ガラス工芸共同作業所</t>
    <phoneticPr fontId="21"/>
  </si>
  <si>
    <t>多機能型施設ＳＡＣＣＡ豊田</t>
    <phoneticPr fontId="21"/>
  </si>
  <si>
    <t>931-8314</t>
    <phoneticPr fontId="21"/>
  </si>
  <si>
    <t>080-8880-4815</t>
    <phoneticPr fontId="21"/>
  </si>
  <si>
    <t>株式会社ＫＯＫＩＡ</t>
    <phoneticPr fontId="21"/>
  </si>
  <si>
    <t>富山市粟島町二丁目１番４２号</t>
    <phoneticPr fontId="21"/>
  </si>
  <si>
    <t>ヴィストカレッジ富山中央</t>
    <rPh sb="10" eb="12">
      <t>チュウオウ</t>
    </rPh>
    <phoneticPr fontId="21"/>
  </si>
  <si>
    <t>076-471-6471</t>
    <phoneticPr fontId="21"/>
  </si>
  <si>
    <t>076-471-6472</t>
    <phoneticPr fontId="21"/>
  </si>
  <si>
    <t>ヴィスト株式会社</t>
    <phoneticPr fontId="21"/>
  </si>
  <si>
    <t>ぼらハートつくし</t>
    <phoneticPr fontId="21"/>
  </si>
  <si>
    <t>株式会社つくし工房</t>
    <rPh sb="0" eb="4">
      <t>カブシキガイシャ</t>
    </rPh>
    <rPh sb="7" eb="9">
      <t>コウボウ</t>
    </rPh>
    <phoneticPr fontId="21"/>
  </si>
  <si>
    <t>ぼらハートつくし</t>
    <phoneticPr fontId="21"/>
  </si>
  <si>
    <t>富山市金屋４１９８番地１</t>
    <phoneticPr fontId="21"/>
  </si>
  <si>
    <t>株式会社つくし工房</t>
    <rPh sb="0" eb="4">
      <t>カブシキガイシャ</t>
    </rPh>
    <rPh sb="7" eb="9">
      <t>コウボウ</t>
    </rPh>
    <phoneticPr fontId="21"/>
  </si>
  <si>
    <t>ぼらハートつくし</t>
    <phoneticPr fontId="21"/>
  </si>
  <si>
    <t>富山市金屋４１９８番地１</t>
    <phoneticPr fontId="21"/>
  </si>
  <si>
    <t>富山市金屋４２１５番地２</t>
    <phoneticPr fontId="21"/>
  </si>
  <si>
    <t>パレット</t>
    <phoneticPr fontId="21"/>
  </si>
  <si>
    <t>939-2221</t>
    <phoneticPr fontId="21"/>
  </si>
  <si>
    <t>富山市西大沢１４８番地５</t>
    <rPh sb="0" eb="3">
      <t>トヤマシ</t>
    </rPh>
    <rPh sb="3" eb="6">
      <t>ニシオオサワ</t>
    </rPh>
    <rPh sb="9" eb="11">
      <t>バンチ</t>
    </rPh>
    <phoneticPr fontId="21"/>
  </si>
  <si>
    <t>080-3402-1285</t>
    <phoneticPr fontId="21"/>
  </si>
  <si>
    <t>076-461-6211</t>
    <phoneticPr fontId="21"/>
  </si>
  <si>
    <t>社会福祉施設秀愛会</t>
    <rPh sb="0" eb="6">
      <t>シャカイフクシシセツ</t>
    </rPh>
    <rPh sb="6" eb="9">
      <t>シュウアイカイ</t>
    </rPh>
    <phoneticPr fontId="21"/>
  </si>
  <si>
    <t>就労支援事業所あおぞら（休止）</t>
    <rPh sb="12" eb="14">
      <t>キュウシ</t>
    </rPh>
    <phoneticPr fontId="21"/>
  </si>
  <si>
    <t>障害福祉サービス事業所萌黄（休止）</t>
    <rPh sb="14" eb="16">
      <t>キュウシ</t>
    </rPh>
    <phoneticPr fontId="2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e\.m\.d;@"/>
    <numFmt numFmtId="178" formatCode="0_ "/>
  </numFmts>
  <fonts count="26" x14ac:knownFonts="1">
    <font>
      <sz val="11"/>
      <color theme="1"/>
      <name val="ＭＳ Ｐゴシック"/>
      <family val="3"/>
      <scheme val="minor"/>
    </font>
    <font>
      <sz val="11"/>
      <color theme="1"/>
      <name val="ＭＳ Ｐゴシック"/>
      <family val="3"/>
      <scheme val="minor"/>
    </font>
    <font>
      <sz val="11"/>
      <color theme="0"/>
      <name val="ＭＳ Ｐゴシック"/>
      <family val="3"/>
      <scheme val="minor"/>
    </font>
    <font>
      <sz val="11"/>
      <color rgb="FF9C6500"/>
      <name val="ＭＳ Ｐゴシック"/>
      <family val="3"/>
      <scheme val="minor"/>
    </font>
    <font>
      <b/>
      <sz val="18"/>
      <color theme="3"/>
      <name val="ＭＳ Ｐゴシック"/>
      <family val="3"/>
      <scheme val="major"/>
    </font>
    <font>
      <b/>
      <sz val="11"/>
      <color theme="0"/>
      <name val="ＭＳ Ｐゴシック"/>
      <family val="3"/>
      <scheme val="minor"/>
    </font>
    <font>
      <u/>
      <sz val="11"/>
      <color theme="10"/>
      <name val="ＭＳ Ｐゴシック"/>
      <family val="3"/>
      <scheme val="minor"/>
    </font>
    <font>
      <sz val="11"/>
      <color indexed="8"/>
      <name val="ＭＳ Ｐゴシック"/>
      <family val="3"/>
    </font>
    <font>
      <sz val="11"/>
      <color rgb="FFFA7D00"/>
      <name val="ＭＳ Ｐゴシック"/>
      <family val="3"/>
      <scheme val="minor"/>
    </font>
    <font>
      <sz val="11"/>
      <color rgb="FF3F3F76"/>
      <name val="ＭＳ Ｐゴシック"/>
      <family val="3"/>
      <scheme val="minor"/>
    </font>
    <font>
      <b/>
      <sz val="11"/>
      <color rgb="FF3F3F3F"/>
      <name val="ＭＳ Ｐゴシック"/>
      <family val="3"/>
      <scheme val="minor"/>
    </font>
    <font>
      <sz val="11"/>
      <color rgb="FF9C0006"/>
      <name val="ＭＳ Ｐゴシック"/>
      <family val="3"/>
      <scheme val="minor"/>
    </font>
    <font>
      <sz val="11"/>
      <name val="ＭＳ Ｐゴシック"/>
      <family val="3"/>
    </font>
    <font>
      <sz val="11"/>
      <color rgb="FF006100"/>
      <name val="ＭＳ Ｐゴシック"/>
      <family val="3"/>
      <scheme val="minor"/>
    </font>
    <font>
      <b/>
      <sz val="15"/>
      <color theme="3"/>
      <name val="ＭＳ Ｐゴシック"/>
      <family val="3"/>
      <scheme val="minor"/>
    </font>
    <font>
      <b/>
      <sz val="13"/>
      <color theme="3"/>
      <name val="ＭＳ Ｐゴシック"/>
      <family val="3"/>
      <scheme val="minor"/>
    </font>
    <font>
      <b/>
      <sz val="11"/>
      <color theme="3"/>
      <name val="ＭＳ Ｐゴシック"/>
      <family val="3"/>
      <scheme val="minor"/>
    </font>
    <font>
      <b/>
      <sz val="11"/>
      <color rgb="FFFA7D00"/>
      <name val="ＭＳ Ｐゴシック"/>
      <family val="3"/>
      <scheme val="minor"/>
    </font>
    <font>
      <i/>
      <sz val="11"/>
      <color rgb="FF7F7F7F"/>
      <name val="ＭＳ Ｐゴシック"/>
      <family val="3"/>
      <scheme val="minor"/>
    </font>
    <font>
      <sz val="11"/>
      <color rgb="FFFF0000"/>
      <name val="ＭＳ Ｐゴシック"/>
      <family val="3"/>
      <scheme val="minor"/>
    </font>
    <font>
      <b/>
      <sz val="11"/>
      <color theme="1"/>
      <name val="ＭＳ Ｐゴシック"/>
      <family val="3"/>
      <scheme val="minor"/>
    </font>
    <font>
      <sz val="6"/>
      <name val="ＭＳ Ｐゴシック"/>
      <family val="3"/>
    </font>
    <font>
      <sz val="20"/>
      <color theme="1"/>
      <name val="ＭＳ Ｐゴシック"/>
      <family val="3"/>
      <scheme val="minor"/>
    </font>
    <font>
      <sz val="11"/>
      <name val="ＭＳ Ｐゴシック"/>
      <family val="3"/>
      <charset val="128"/>
    </font>
    <font>
      <sz val="11"/>
      <color theme="1"/>
      <name val="ＭＳ Ｐゴシック"/>
      <family val="3"/>
      <charset val="128"/>
      <scheme val="minor"/>
    </font>
    <font>
      <sz val="11"/>
      <name val="ＭＳ Ｐゴシック"/>
      <family val="3"/>
      <scheme val="minor"/>
    </font>
  </fonts>
  <fills count="35">
    <fill>
      <patternFill patternType="none"/>
    </fill>
    <fill>
      <patternFill patternType="gray125"/>
    </fill>
    <fill>
      <patternFill patternType="solid">
        <fgColor theme="4" tint="0.79998168889431442"/>
        <bgColor indexed="65"/>
      </patternFill>
    </fill>
    <fill>
      <patternFill patternType="solid">
        <fgColor theme="5" tint="0.79998168889431442"/>
        <bgColor indexed="65"/>
      </patternFill>
    </fill>
    <fill>
      <patternFill patternType="solid">
        <fgColor theme="6" tint="0.79998168889431442"/>
        <bgColor indexed="65"/>
      </patternFill>
    </fill>
    <fill>
      <patternFill patternType="solid">
        <fgColor theme="7" tint="0.79998168889431442"/>
        <bgColor indexed="65"/>
      </patternFill>
    </fill>
    <fill>
      <patternFill patternType="solid">
        <fgColor theme="8" tint="0.79998168889431442"/>
        <bgColor indexed="65"/>
      </patternFill>
    </fill>
    <fill>
      <patternFill patternType="solid">
        <fgColor theme="9" tint="0.79998168889431442"/>
        <bgColor indexed="6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4" tint="0.39997558519241921"/>
        <bgColor indexed="65"/>
      </patternFill>
    </fill>
    <fill>
      <patternFill patternType="solid">
        <fgColor theme="5" tint="0.39997558519241921"/>
        <bgColor indexed="65"/>
      </patternFill>
    </fill>
    <fill>
      <patternFill patternType="solid">
        <fgColor theme="6" tint="0.39997558519241921"/>
        <bgColor indexed="65"/>
      </patternFill>
    </fill>
    <fill>
      <patternFill patternType="solid">
        <fgColor theme="7" tint="0.39997558519241921"/>
        <bgColor indexed="65"/>
      </patternFill>
    </fill>
    <fill>
      <patternFill patternType="solid">
        <fgColor theme="8" tint="0.39997558519241921"/>
        <bgColor indexed="65"/>
      </patternFill>
    </fill>
    <fill>
      <patternFill patternType="solid">
        <fgColor theme="9" tint="0.39997558519241921"/>
        <bgColor indexed="65"/>
      </patternFill>
    </fill>
    <fill>
      <patternFill patternType="solid">
        <fgColor rgb="FFFFEB9C"/>
      </patternFill>
    </fill>
    <fill>
      <patternFill patternType="solid">
        <fgColor theme="4"/>
      </patternFill>
    </fill>
    <fill>
      <patternFill patternType="solid">
        <fgColor theme="5"/>
      </patternFill>
    </fill>
    <fill>
      <patternFill patternType="solid">
        <fgColor theme="6"/>
      </patternFill>
    </fill>
    <fill>
      <patternFill patternType="solid">
        <fgColor theme="7"/>
      </patternFill>
    </fill>
    <fill>
      <patternFill patternType="solid">
        <fgColor theme="8"/>
      </patternFill>
    </fill>
    <fill>
      <patternFill patternType="solid">
        <fgColor theme="9"/>
      </patternFill>
    </fill>
    <fill>
      <patternFill patternType="solid">
        <fgColor rgb="FFA5A5A5"/>
      </patternFill>
    </fill>
    <fill>
      <patternFill patternType="solid">
        <fgColor rgb="FFFFFFCC"/>
      </patternFill>
    </fill>
    <fill>
      <patternFill patternType="solid">
        <fgColor rgb="FFFFCC99"/>
      </patternFill>
    </fill>
    <fill>
      <patternFill patternType="solid">
        <fgColor rgb="FFF2F2F2"/>
      </patternFill>
    </fill>
    <fill>
      <patternFill patternType="solid">
        <fgColor rgb="FFFFC7CE"/>
      </patternFill>
    </fill>
    <fill>
      <patternFill patternType="solid">
        <fgColor rgb="FFC6EFCE"/>
      </patternFill>
    </fill>
    <fill>
      <patternFill patternType="solid">
        <fgColor rgb="FFCCFFCC"/>
        <bgColor indexed="64"/>
      </patternFill>
    </fill>
    <fill>
      <patternFill patternType="solid">
        <fgColor theme="3" tint="0.79998168889431442"/>
        <bgColor indexed="64"/>
      </patternFill>
    </fill>
  </fills>
  <borders count="19">
    <border>
      <left/>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right/>
      <top style="thin">
        <color theme="4"/>
      </top>
      <bottom style="double">
        <color theme="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s>
  <cellStyleXfs count="49">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3" fillId="20" borderId="0" applyNumberFormat="0" applyBorder="0" applyAlignment="0" applyProtection="0">
      <alignment vertical="center"/>
    </xf>
    <xf numFmtId="0" fontId="2" fillId="21" borderId="0" applyNumberFormat="0" applyBorder="0" applyAlignment="0" applyProtection="0">
      <alignment vertical="center"/>
    </xf>
    <xf numFmtId="0" fontId="2" fillId="22" borderId="0" applyNumberFormat="0" applyBorder="0" applyAlignment="0" applyProtection="0">
      <alignment vertical="center"/>
    </xf>
    <xf numFmtId="0" fontId="2" fillId="23" borderId="0" applyNumberFormat="0" applyBorder="0" applyAlignment="0" applyProtection="0">
      <alignment vertical="center"/>
    </xf>
    <xf numFmtId="0" fontId="2" fillId="24" borderId="0" applyNumberFormat="0" applyBorder="0" applyAlignment="0" applyProtection="0">
      <alignment vertical="center"/>
    </xf>
    <xf numFmtId="0" fontId="2" fillId="25" borderId="0" applyNumberFormat="0" applyBorder="0" applyAlignment="0" applyProtection="0">
      <alignment vertical="center"/>
    </xf>
    <xf numFmtId="0" fontId="2" fillId="26" borderId="0" applyNumberFormat="0" applyBorder="0" applyAlignment="0" applyProtection="0">
      <alignment vertical="center"/>
    </xf>
    <xf numFmtId="0" fontId="4" fillId="0" borderId="0" applyNumberFormat="0" applyFill="0" applyBorder="0" applyAlignment="0" applyProtection="0">
      <alignment vertical="center"/>
    </xf>
    <xf numFmtId="0" fontId="5" fillId="27" borderId="1" applyNumberFormat="0" applyAlignment="0" applyProtection="0">
      <alignment vertical="center"/>
    </xf>
    <xf numFmtId="0" fontId="6" fillId="0" borderId="0" applyNumberFormat="0" applyFill="0" applyBorder="0" applyAlignment="0" applyProtection="0">
      <alignment vertical="center"/>
    </xf>
    <xf numFmtId="0" fontId="7" fillId="28" borderId="2" applyNumberFormat="0" applyFont="0" applyAlignment="0" applyProtection="0">
      <alignment vertical="center"/>
    </xf>
    <xf numFmtId="0" fontId="8" fillId="0" borderId="3" applyNumberFormat="0" applyFill="0" applyAlignment="0" applyProtection="0">
      <alignment vertical="center"/>
    </xf>
    <xf numFmtId="0" fontId="9" fillId="29" borderId="4" applyNumberFormat="0" applyAlignment="0" applyProtection="0">
      <alignment vertical="center"/>
    </xf>
    <xf numFmtId="0" fontId="10" fillId="30" borderId="5" applyNumberFormat="0" applyAlignment="0" applyProtection="0">
      <alignment vertical="center"/>
    </xf>
    <xf numFmtId="0" fontId="11" fillId="31" borderId="0" applyNumberFormat="0" applyBorder="0" applyAlignment="0" applyProtection="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2" fillId="0" borderId="0"/>
    <xf numFmtId="0" fontId="13" fillId="32" borderId="0" applyNumberFormat="0" applyBorder="0" applyAlignment="0" applyProtection="0">
      <alignment vertical="center"/>
    </xf>
    <xf numFmtId="0" fontId="14" fillId="0" borderId="6" applyNumberFormat="0" applyFill="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6" fillId="0" borderId="0" applyNumberFormat="0" applyFill="0" applyBorder="0" applyAlignment="0" applyProtection="0">
      <alignment vertical="center"/>
    </xf>
    <xf numFmtId="0" fontId="17" fillId="30" borderId="4"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9" applyNumberFormat="0" applyFill="0" applyAlignment="0" applyProtection="0">
      <alignment vertical="center"/>
    </xf>
    <xf numFmtId="0" fontId="6" fillId="0" borderId="0" applyNumberFormat="0" applyFill="0" applyBorder="0" applyAlignment="0" applyProtection="0">
      <alignment vertical="center"/>
    </xf>
  </cellStyleXfs>
  <cellXfs count="74">
    <xf numFmtId="0" fontId="0" fillId="0" borderId="0" xfId="0">
      <alignment vertical="center"/>
    </xf>
    <xf numFmtId="0" fontId="0" fillId="0" borderId="0" xfId="0" applyNumberFormat="1">
      <alignment vertical="center"/>
    </xf>
    <xf numFmtId="0" fontId="0" fillId="0" borderId="0" xfId="0" applyFont="1" applyAlignment="1">
      <alignment vertical="center" wrapText="1"/>
    </xf>
    <xf numFmtId="0" fontId="0" fillId="0" borderId="0" xfId="0" applyFont="1" applyAlignment="1">
      <alignment horizontal="center" vertical="center"/>
    </xf>
    <xf numFmtId="0" fontId="0" fillId="0" borderId="0" xfId="0" applyFont="1" applyAlignment="1">
      <alignment horizontal="left" vertical="center"/>
    </xf>
    <xf numFmtId="0" fontId="0" fillId="0" borderId="0" xfId="0" applyFont="1" applyAlignment="1">
      <alignment horizontal="left" vertical="center" wrapText="1"/>
    </xf>
    <xf numFmtId="176" fontId="0" fillId="0" borderId="0" xfId="0" applyNumberFormat="1" applyFont="1" applyAlignment="1">
      <alignment horizontal="center" vertical="center"/>
    </xf>
    <xf numFmtId="0" fontId="19" fillId="0" borderId="0" xfId="0" applyFont="1" applyAlignment="1">
      <alignment horizontal="left" vertical="top" wrapText="1"/>
    </xf>
    <xf numFmtId="0" fontId="12" fillId="33" borderId="10" xfId="0" applyFont="1" applyFill="1" applyBorder="1" applyAlignment="1">
      <alignment horizontal="center" vertical="center" wrapText="1"/>
    </xf>
    <xf numFmtId="0" fontId="12" fillId="33" borderId="13" xfId="0" applyFont="1" applyFill="1" applyBorder="1" applyAlignment="1">
      <alignment horizontal="center" vertical="center" wrapText="1"/>
    </xf>
    <xf numFmtId="0" fontId="12" fillId="0" borderId="14" xfId="0" applyFont="1" applyFill="1" applyBorder="1" applyAlignment="1">
      <alignment horizontal="center" vertical="center" wrapText="1"/>
    </xf>
    <xf numFmtId="0" fontId="12" fillId="0" borderId="14" xfId="0" applyFont="1" applyFill="1" applyBorder="1" applyAlignment="1">
      <alignment horizontal="center" vertical="center" wrapText="1" shrinkToFit="1"/>
    </xf>
    <xf numFmtId="0" fontId="12" fillId="0" borderId="14" xfId="0" applyFont="1" applyFill="1" applyBorder="1" applyAlignment="1">
      <alignment horizontal="center" vertical="center"/>
    </xf>
    <xf numFmtId="49" fontId="12" fillId="0" borderId="14" xfId="34" applyNumberFormat="1" applyFont="1" applyFill="1" applyBorder="1" applyAlignment="1">
      <alignment horizontal="center" vertical="center"/>
    </xf>
    <xf numFmtId="0" fontId="12" fillId="0" borderId="15" xfId="0" applyFont="1" applyFill="1" applyBorder="1" applyAlignment="1">
      <alignment horizontal="center" vertical="center" wrapText="1" shrinkToFit="1"/>
    </xf>
    <xf numFmtId="0" fontId="12" fillId="0" borderId="15" xfId="0" applyFont="1" applyFill="1" applyBorder="1" applyAlignment="1">
      <alignment horizontal="center" vertical="center"/>
    </xf>
    <xf numFmtId="0" fontId="12" fillId="0" borderId="14" xfId="0" applyFont="1" applyFill="1" applyBorder="1" applyAlignment="1">
      <alignment horizontal="left" vertical="center" wrapText="1"/>
    </xf>
    <xf numFmtId="0" fontId="12" fillId="0" borderId="14" xfId="0" applyFont="1" applyBorder="1" applyAlignment="1">
      <alignment horizontal="left" vertical="center" wrapText="1" shrinkToFit="1"/>
    </xf>
    <xf numFmtId="0" fontId="12" fillId="0" borderId="14" xfId="0" applyFont="1" applyFill="1" applyBorder="1" applyAlignment="1">
      <alignment horizontal="left" vertical="center"/>
    </xf>
    <xf numFmtId="0" fontId="12" fillId="0" borderId="14" xfId="0" applyFont="1" applyFill="1" applyBorder="1" applyAlignment="1">
      <alignment horizontal="left" vertical="center" shrinkToFit="1"/>
    </xf>
    <xf numFmtId="0" fontId="12" fillId="0" borderId="14" xfId="0" applyFont="1" applyFill="1" applyBorder="1" applyAlignment="1">
      <alignment horizontal="justify" vertical="center" wrapText="1"/>
    </xf>
    <xf numFmtId="0" fontId="12" fillId="0" borderId="14" xfId="0" applyFont="1" applyFill="1" applyBorder="1" applyAlignment="1">
      <alignment vertical="center" shrinkToFit="1"/>
    </xf>
    <xf numFmtId="0" fontId="19" fillId="0" borderId="14" xfId="0" applyFont="1" applyFill="1" applyBorder="1" applyAlignment="1">
      <alignment horizontal="center" vertical="center" wrapText="1"/>
    </xf>
    <xf numFmtId="178" fontId="12" fillId="0" borderId="14" xfId="0" applyNumberFormat="1" applyFont="1" applyFill="1" applyBorder="1" applyAlignment="1">
      <alignment horizontal="center" vertical="center" wrapText="1" shrinkToFit="1"/>
    </xf>
    <xf numFmtId="0" fontId="12" fillId="0" borderId="15" xfId="0" applyFont="1" applyFill="1" applyBorder="1" applyAlignment="1">
      <alignment horizontal="left" vertical="center"/>
    </xf>
    <xf numFmtId="176" fontId="12" fillId="33" borderId="13" xfId="0" applyNumberFormat="1" applyFont="1" applyFill="1" applyBorder="1" applyAlignment="1">
      <alignment horizontal="center" vertical="center" wrapText="1"/>
    </xf>
    <xf numFmtId="176" fontId="12" fillId="0" borderId="14" xfId="0" applyNumberFormat="1" applyFont="1" applyFill="1" applyBorder="1" applyAlignment="1">
      <alignment horizontal="center" vertical="center" wrapText="1"/>
    </xf>
    <xf numFmtId="176" fontId="12" fillId="0" borderId="14" xfId="0" applyNumberFormat="1" applyFont="1" applyFill="1" applyBorder="1" applyAlignment="1">
      <alignment horizontal="center" vertical="center"/>
    </xf>
    <xf numFmtId="176" fontId="12" fillId="0" borderId="14" xfId="0" applyNumberFormat="1" applyFont="1" applyFill="1" applyBorder="1" applyAlignment="1">
      <alignment horizontal="center" vertical="center" shrinkToFit="1"/>
    </xf>
    <xf numFmtId="0" fontId="0" fillId="0" borderId="14" xfId="0" applyFont="1" applyBorder="1">
      <alignment vertical="center"/>
    </xf>
    <xf numFmtId="0" fontId="12" fillId="0" borderId="14" xfId="0" applyFont="1" applyFill="1" applyBorder="1" applyAlignment="1">
      <alignment vertical="center"/>
    </xf>
    <xf numFmtId="0" fontId="0" fillId="0" borderId="14" xfId="0" applyFont="1" applyBorder="1" applyAlignment="1">
      <alignment vertical="center" wrapText="1"/>
    </xf>
    <xf numFmtId="0" fontId="12" fillId="33" borderId="17" xfId="0" applyFont="1" applyFill="1" applyBorder="1" applyAlignment="1">
      <alignment horizontal="left" vertical="center" wrapText="1"/>
    </xf>
    <xf numFmtId="0" fontId="0" fillId="34" borderId="14" xfId="0" applyFont="1" applyFill="1" applyBorder="1" applyAlignment="1">
      <alignment vertical="center" wrapText="1"/>
    </xf>
    <xf numFmtId="0" fontId="0" fillId="34" borderId="14" xfId="0" applyFill="1" applyBorder="1">
      <alignment vertical="center"/>
    </xf>
    <xf numFmtId="0" fontId="0" fillId="0" borderId="14" xfId="0" applyBorder="1">
      <alignment vertical="center"/>
    </xf>
    <xf numFmtId="0" fontId="22" fillId="0" borderId="0" xfId="0" applyFont="1">
      <alignment vertical="center"/>
    </xf>
    <xf numFmtId="0" fontId="6" fillId="0" borderId="0" xfId="48">
      <alignment vertical="center"/>
    </xf>
    <xf numFmtId="0" fontId="0" fillId="0" borderId="14" xfId="0" applyBorder="1" applyAlignment="1">
      <alignment vertical="center"/>
    </xf>
    <xf numFmtId="0" fontId="23" fillId="0" borderId="14" xfId="0" applyFont="1" applyFill="1" applyBorder="1" applyAlignment="1">
      <alignment horizontal="center" vertical="center" wrapText="1" shrinkToFit="1"/>
    </xf>
    <xf numFmtId="0" fontId="23" fillId="0" borderId="14" xfId="0" applyFont="1" applyFill="1" applyBorder="1" applyAlignment="1">
      <alignment horizontal="center" vertical="center"/>
    </xf>
    <xf numFmtId="0" fontId="23" fillId="0" borderId="14" xfId="0" applyFont="1" applyFill="1" applyBorder="1" applyAlignment="1">
      <alignment horizontal="left" vertical="center" wrapText="1" shrinkToFit="1"/>
    </xf>
    <xf numFmtId="0" fontId="23" fillId="0" borderId="14" xfId="0" applyFont="1" applyFill="1" applyBorder="1" applyAlignment="1">
      <alignment horizontal="center" vertical="center" wrapText="1"/>
    </xf>
    <xf numFmtId="176" fontId="23" fillId="0" borderId="14" xfId="0" applyNumberFormat="1" applyFont="1" applyFill="1" applyBorder="1" applyAlignment="1">
      <alignment horizontal="center" vertical="center" wrapText="1" shrinkToFit="1"/>
    </xf>
    <xf numFmtId="0" fontId="23" fillId="0" borderId="14" xfId="0" applyFont="1" applyFill="1" applyBorder="1" applyAlignment="1">
      <alignment horizontal="left" vertical="center"/>
    </xf>
    <xf numFmtId="0" fontId="23" fillId="0" borderId="14" xfId="0" applyFont="1" applyFill="1" applyBorder="1" applyAlignment="1">
      <alignment vertical="center" wrapText="1" shrinkToFit="1"/>
    </xf>
    <xf numFmtId="0" fontId="25" fillId="0" borderId="14" xfId="0" applyFont="1" applyFill="1" applyBorder="1" applyAlignment="1">
      <alignment horizontal="center" vertical="center" wrapText="1"/>
    </xf>
    <xf numFmtId="0" fontId="12" fillId="0" borderId="11" xfId="0" applyFont="1" applyFill="1" applyBorder="1" applyAlignment="1">
      <alignment vertical="center" wrapText="1"/>
    </xf>
    <xf numFmtId="0" fontId="12" fillId="0" borderId="14" xfId="0" applyFont="1" applyFill="1" applyBorder="1" applyAlignment="1">
      <alignment vertical="center" wrapText="1"/>
    </xf>
    <xf numFmtId="0" fontId="0" fillId="0" borderId="16" xfId="0" applyFont="1" applyFill="1" applyBorder="1" applyAlignment="1">
      <alignment vertical="center" wrapText="1"/>
    </xf>
    <xf numFmtId="0" fontId="0" fillId="0" borderId="0" xfId="0" applyFont="1" applyFill="1" applyAlignment="1">
      <alignment vertical="center" wrapText="1"/>
    </xf>
    <xf numFmtId="0" fontId="12" fillId="0" borderId="14" xfId="0" applyFont="1" applyFill="1" applyBorder="1" applyAlignment="1">
      <alignment horizontal="left" vertical="center" wrapText="1" shrinkToFit="1"/>
    </xf>
    <xf numFmtId="0" fontId="12" fillId="0" borderId="14" xfId="0" applyFont="1" applyFill="1" applyBorder="1">
      <alignment vertical="center"/>
    </xf>
    <xf numFmtId="0" fontId="12" fillId="0" borderId="0" xfId="0" applyFont="1" applyFill="1">
      <alignment vertical="center"/>
    </xf>
    <xf numFmtId="0" fontId="0" fillId="0" borderId="0" xfId="0" applyNumberFormat="1" applyFill="1">
      <alignment vertical="center"/>
    </xf>
    <xf numFmtId="0" fontId="12" fillId="0" borderId="14" xfId="0" applyFont="1" applyFill="1" applyBorder="1" applyAlignment="1">
      <alignment vertical="center" wrapText="1" shrinkToFit="1"/>
    </xf>
    <xf numFmtId="176" fontId="12" fillId="0" borderId="14" xfId="0" applyNumberFormat="1" applyFont="1" applyFill="1" applyBorder="1" applyAlignment="1">
      <alignment horizontal="center" vertical="center" wrapText="1" shrinkToFit="1"/>
    </xf>
    <xf numFmtId="0" fontId="0" fillId="0" borderId="14" xfId="0" applyFont="1" applyFill="1" applyBorder="1" applyAlignment="1">
      <alignment vertical="center" wrapText="1"/>
    </xf>
    <xf numFmtId="0" fontId="23" fillId="0" borderId="14" xfId="0" applyFont="1" applyFill="1" applyBorder="1" applyAlignment="1">
      <alignment vertical="center" wrapText="1"/>
    </xf>
    <xf numFmtId="0" fontId="23" fillId="0" borderId="14" xfId="0" applyFont="1" applyFill="1" applyBorder="1">
      <alignment vertical="center"/>
    </xf>
    <xf numFmtId="0" fontId="24" fillId="0" borderId="16" xfId="0" applyNumberFormat="1" applyFont="1" applyFill="1" applyBorder="1" applyAlignment="1">
      <alignment vertical="center" wrapText="1"/>
    </xf>
    <xf numFmtId="0" fontId="24" fillId="0" borderId="14" xfId="0" applyFont="1" applyFill="1" applyBorder="1" applyAlignment="1">
      <alignment vertical="center" wrapText="1"/>
    </xf>
    <xf numFmtId="0" fontId="0" fillId="0" borderId="14" xfId="0" applyFont="1" applyFill="1" applyBorder="1">
      <alignment vertical="center"/>
    </xf>
    <xf numFmtId="176" fontId="12" fillId="0" borderId="14" xfId="34" quotePrefix="1" applyNumberFormat="1" applyFont="1" applyFill="1" applyBorder="1" applyAlignment="1">
      <alignment horizontal="center" vertical="center"/>
    </xf>
    <xf numFmtId="176" fontId="23" fillId="0" borderId="14" xfId="34" quotePrefix="1" applyNumberFormat="1" applyFont="1" applyFill="1" applyBorder="1" applyAlignment="1">
      <alignment horizontal="center" vertical="center" wrapText="1" shrinkToFit="1"/>
    </xf>
    <xf numFmtId="0" fontId="12" fillId="0" borderId="14" xfId="34" applyFont="1" applyFill="1" applyBorder="1" applyAlignment="1">
      <alignment horizontal="center" vertical="center" shrinkToFit="1"/>
    </xf>
    <xf numFmtId="57" fontId="12" fillId="0" borderId="14" xfId="34" quotePrefix="1" applyNumberFormat="1" applyFont="1" applyFill="1" applyBorder="1" applyAlignment="1">
      <alignment horizontal="center" vertical="center"/>
    </xf>
    <xf numFmtId="176" fontId="12" fillId="0" borderId="14" xfId="34" quotePrefix="1" applyNumberFormat="1" applyFont="1" applyFill="1" applyBorder="1" applyAlignment="1">
      <alignment horizontal="center" vertical="center" wrapText="1" shrinkToFit="1"/>
    </xf>
    <xf numFmtId="0" fontId="12" fillId="0" borderId="12" xfId="0" applyFont="1" applyFill="1" applyBorder="1" applyAlignment="1">
      <alignment vertical="center" wrapText="1"/>
    </xf>
    <xf numFmtId="0" fontId="12" fillId="0" borderId="15" xfId="0" applyFont="1" applyFill="1" applyBorder="1" applyAlignment="1">
      <alignment vertical="center" wrapText="1"/>
    </xf>
    <xf numFmtId="0" fontId="12" fillId="0" borderId="15" xfId="0" applyFont="1" applyFill="1" applyBorder="1" applyAlignment="1">
      <alignment vertical="center" wrapText="1" shrinkToFit="1"/>
    </xf>
    <xf numFmtId="176" fontId="12" fillId="0" borderId="15" xfId="0" applyNumberFormat="1" applyFont="1" applyFill="1" applyBorder="1" applyAlignment="1">
      <alignment horizontal="center" vertical="center" wrapText="1" shrinkToFit="1"/>
    </xf>
    <xf numFmtId="0" fontId="12" fillId="0" borderId="15" xfId="0" applyFont="1" applyFill="1" applyBorder="1">
      <alignment vertical="center"/>
    </xf>
    <xf numFmtId="0" fontId="0" fillId="0" borderId="18" xfId="0" applyFont="1" applyFill="1" applyBorder="1" applyAlignment="1">
      <alignment vertical="center" wrapText="1"/>
    </xf>
  </cellXfs>
  <cellStyles count="49">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20" builtinId="29" customBuiltin="1"/>
    <cellStyle name="アクセント 2" xfId="21" builtinId="33" customBuiltin="1"/>
    <cellStyle name="アクセント 3" xfId="22" builtinId="37" customBuiltin="1"/>
    <cellStyle name="アクセント 4" xfId="23" builtinId="41" customBuiltin="1"/>
    <cellStyle name="アクセント 5" xfId="24" builtinId="45" customBuiltin="1"/>
    <cellStyle name="アクセント 6" xfId="25" builtinId="49" customBuiltin="1"/>
    <cellStyle name="タイトル" xfId="26" builtinId="15" customBuiltin="1"/>
    <cellStyle name="チェック セル" xfId="27" builtinId="23" customBuiltin="1"/>
    <cellStyle name="どちらでもない" xfId="19" builtinId="28" customBuiltin="1"/>
    <cellStyle name="ハイパーリンク" xfId="48" builtinId="8"/>
    <cellStyle name="ハイパーリンク 2" xfId="28"/>
    <cellStyle name="メモ" xfId="29" builtinId="10" customBuiltin="1"/>
    <cellStyle name="リンク セル" xfId="30" builtinId="24" customBuiltin="1"/>
    <cellStyle name="悪い" xfId="33" builtinId="27" customBuiltin="1"/>
    <cellStyle name="計算" xfId="44" builtinId="22" customBuiltin="1"/>
    <cellStyle name="警告文" xfId="46" builtinId="11" customBuiltin="1"/>
    <cellStyle name="見出し 1" xfId="40" builtinId="16" customBuiltin="1"/>
    <cellStyle name="見出し 2" xfId="41" builtinId="17" customBuiltin="1"/>
    <cellStyle name="見出し 3" xfId="42" builtinId="18" customBuiltin="1"/>
    <cellStyle name="見出し 4" xfId="43" builtinId="19" customBuiltin="1"/>
    <cellStyle name="集計" xfId="47" builtinId="25" customBuiltin="1"/>
    <cellStyle name="出力" xfId="32" builtinId="21" customBuiltin="1"/>
    <cellStyle name="説明文" xfId="45" builtinId="53" customBuiltin="1"/>
    <cellStyle name="入力" xfId="31" builtinId="20" customBuiltin="1"/>
    <cellStyle name="標準" xfId="0" builtinId="0"/>
    <cellStyle name="標準 2" xfId="34"/>
    <cellStyle name="標準 3" xfId="35"/>
    <cellStyle name="標準 4" xfId="36"/>
    <cellStyle name="標準 5" xfId="37"/>
    <cellStyle name="標準 6" xfId="38"/>
    <cellStyle name="良い" xfId="39" builtinId="26" customBuiltin="1"/>
  </cellStyles>
  <dxfs count="24">
    <dxf>
      <fill>
        <patternFill patternType="none">
          <fgColor indexed="64"/>
          <bgColor auto="1"/>
        </patternFill>
      </fill>
    </dxf>
    <dxf>
      <font>
        <b val="0"/>
        <i val="0"/>
        <strike val="0"/>
        <u val="none"/>
        <vertAlign val="baseline"/>
        <sz val="11"/>
        <color theme="1"/>
        <name val="ＭＳ Ｐゴシック"/>
      </font>
      <fill>
        <patternFill patternType="none">
          <fgColor indexed="64"/>
          <bgColor auto="1"/>
        </patternFill>
      </fill>
      <alignment vertical="center" wrapText="1" readingOrder="0"/>
      <border outline="0">
        <left style="thin">
          <color indexed="64"/>
        </left>
        <right style="thin">
          <color indexed="64"/>
        </right>
        <top style="thin">
          <color indexed="64"/>
        </top>
        <bottom style="thin">
          <color indexed="64"/>
        </bottom>
      </border>
    </dxf>
    <dxf>
      <font>
        <b val="0"/>
        <i val="0"/>
        <strike val="0"/>
        <u val="none"/>
        <vertAlign val="baseline"/>
        <sz val="11"/>
        <color theme="1"/>
        <name val="ＭＳ Ｐゴシック"/>
      </font>
      <numFmt numFmtId="0" formatCode="General"/>
      <fill>
        <patternFill patternType="none">
          <fgColor indexed="64"/>
          <bgColor auto="1"/>
        </patternFill>
      </fill>
      <alignment vertical="center" wrapText="1" readingOrder="0"/>
      <border outline="0">
        <left style="thin">
          <color indexed="64"/>
        </left>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numFmt numFmtId="176" formatCode="[$-411]ge\.m\.d;@"/>
      <fill>
        <patternFill patternType="none">
          <fgColor indexed="64"/>
          <bgColor auto="1"/>
        </patternFill>
      </fill>
      <alignment horizontal="center" vertical="center" wrapText="1" shrinkToFi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numFmt numFmtId="176" formatCode="[$-411]ge\.m\.d;@"/>
      <fill>
        <patternFill patternType="none">
          <fgColor indexed="64"/>
          <bgColor auto="1"/>
        </patternFill>
      </fill>
      <alignment horizontal="center" vertical="center" wrapText="1" shrinkToFit="1" readingOrder="0"/>
      <border outline="0">
        <left style="thin">
          <color indexed="64"/>
        </left>
        <right style="thin">
          <color indexed="64"/>
        </right>
        <top style="thin">
          <color indexed="64"/>
        </top>
        <bottom style="thin">
          <color indexed="64"/>
        </bottom>
      </border>
    </dxf>
    <dxf>
      <fill>
        <patternFill patternType="none">
          <fgColor indexed="64"/>
          <bgColor auto="1"/>
        </patternFill>
      </fill>
    </dxf>
    <dxf>
      <font>
        <b val="0"/>
        <i val="0"/>
        <strike val="0"/>
        <u val="none"/>
        <vertAlign val="baseline"/>
        <sz val="11"/>
        <color auto="1"/>
        <name val="ＭＳ Ｐゴシック"/>
      </font>
      <fill>
        <patternFill patternType="none">
          <fgColor indexed="64"/>
          <bgColor auto="1"/>
        </patternFill>
      </fill>
      <alignment horizontal="center" vertical="center" wrapTex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horizontal="center" vertical="center" wrapText="1" shrinkToFi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vertical="center" wrapText="1" shrinkToFit="1" readingOrder="0"/>
      <border outline="0">
        <left style="thin">
          <color indexed="64"/>
        </left>
        <right style="thin">
          <color indexed="64"/>
        </right>
        <top style="thin">
          <color indexed="64"/>
        </top>
        <bottom style="thin">
          <color indexed="64"/>
        </bottom>
      </border>
    </dxf>
    <dxf>
      <fill>
        <patternFill patternType="none">
          <fgColor indexed="64"/>
          <bgColor auto="1"/>
        </patternFill>
      </fill>
    </dxf>
    <dxf>
      <font>
        <b val="0"/>
        <i val="0"/>
        <strike val="0"/>
        <u val="none"/>
        <vertAlign val="baseline"/>
        <sz val="11"/>
        <color auto="1"/>
        <name val="ＭＳ Ｐゴシック"/>
      </font>
      <fill>
        <patternFill patternType="none">
          <fgColor indexed="64"/>
          <bgColor auto="1"/>
        </patternFill>
      </fill>
      <alignment horizontal="center" vertical="center" wrapText="1" shrinkToFi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vertical="center" wrapText="1" shrinkToFi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horizontal="center" vertical="center"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horizontal="center" vertical="center"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horizontal="center" vertical="center" wrapText="1" shrinkToFi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vertical="center" wrapText="1" readingOrder="0"/>
      <border outline="0">
        <left style="thin">
          <color indexed="64"/>
        </left>
        <right style="thin">
          <color indexed="64"/>
        </right>
        <top style="thin">
          <color indexed="64"/>
        </top>
        <bottom style="thin">
          <color indexed="64"/>
        </bottom>
      </border>
    </dxf>
    <dxf>
      <font>
        <b val="0"/>
        <i val="0"/>
        <strike val="0"/>
        <u val="none"/>
        <vertAlign val="baseline"/>
        <sz val="11"/>
        <color auto="1"/>
        <name val="ＭＳ Ｐゴシック"/>
      </font>
      <fill>
        <patternFill patternType="none">
          <fgColor indexed="64"/>
          <bgColor auto="1"/>
        </patternFill>
      </fill>
      <alignment vertical="center" wrapText="1" readingOrder="0"/>
      <border outline="0">
        <left/>
        <right style="thin">
          <color indexed="64"/>
        </right>
        <top style="thin">
          <color indexed="64"/>
        </top>
        <bottom style="thin">
          <color indexed="64"/>
        </bottom>
      </border>
    </dxf>
    <dxf>
      <border>
        <top style="thin">
          <color indexed="64"/>
        </top>
      </border>
    </dxf>
    <dxf>
      <border>
        <left style="thin">
          <color indexed="64"/>
        </left>
        <right style="thin">
          <color indexed="64"/>
        </right>
        <top style="thin">
          <color indexed="64"/>
        </top>
        <bottom style="thin">
          <color indexed="64"/>
        </bottom>
      </border>
    </dxf>
    <dxf>
      <border>
        <bottom style="thin">
          <color indexed="64"/>
        </bottom>
      </border>
    </dxf>
    <dxf>
      <font>
        <b val="0"/>
        <i val="0"/>
        <strike val="0"/>
        <u val="none"/>
        <vertAlign val="baseline"/>
        <sz val="11"/>
        <color auto="1"/>
        <name val="ＭＳ Ｐゴシック"/>
      </font>
      <fill>
        <patternFill patternType="solid">
          <fgColor indexed="64"/>
          <bgColor rgb="FFCCFFCC"/>
        </patternFill>
      </fill>
      <alignment horizontal="center" vertical="center" wrapText="1" readingOrder="0"/>
      <border>
        <left style="thin">
          <color indexed="64"/>
        </left>
        <right style="thin">
          <color indexed="64"/>
        </right>
        <top/>
        <bottom/>
      </border>
    </dxf>
  </dxfs>
  <tableStyles count="0" defaultTableStyle="TableStyleMedium2" defaultPivotStyle="PivotStyleLight16"/>
  <colors>
    <mruColors>
      <color rgb="FFCCFFCC"/>
      <color rgb="FFFFCCFF"/>
      <color rgb="FFD1ED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microsoft.com/office/2007/relationships/slicerCache" Target="slicerCaches/slicerCache4.xml"/><Relationship Id="rId3" Type="http://schemas.openxmlformats.org/officeDocument/2006/relationships/worksheet" Target="worksheets/sheet3.xml"/><Relationship Id="rId7" Type="http://schemas.microsoft.com/office/2007/relationships/slicerCache" Target="slicerCaches/slicerCache3.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microsoft.com/office/2007/relationships/slicerCache" Target="slicerCaches/slicerCache2.xml"/><Relationship Id="rId11" Type="http://schemas.openxmlformats.org/officeDocument/2006/relationships/sharedStrings" Target="sharedStrings.xml"/><Relationship Id="rId5" Type="http://schemas.microsoft.com/office/2007/relationships/slicerCache" Target="slicerCaches/slicerCache1.xml"/><Relationship Id="rId10" Type="http://schemas.openxmlformats.org/officeDocument/2006/relationships/styles" Target="styles.xml"/><Relationship Id="rId4" Type="http://schemas.openxmlformats.org/officeDocument/2006/relationships/externalLink" Target="externalLinks/externalLink1.xml"/><Relationship Id="rId9"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editAs="absolute">
    <xdr:from>
      <xdr:col>2</xdr:col>
      <xdr:colOff>309880</xdr:colOff>
      <xdr:row>1</xdr:row>
      <xdr:rowOff>95885</xdr:rowOff>
    </xdr:from>
    <xdr:to>
      <xdr:col>8</xdr:col>
      <xdr:colOff>2036445</xdr:colOff>
      <xdr:row>1</xdr:row>
      <xdr:rowOff>1391920</xdr:rowOff>
    </xdr:to>
    <mc:AlternateContent xmlns:mc="http://schemas.openxmlformats.org/markup-compatibility/2006" xmlns:sle15="http://schemas.microsoft.com/office/drawing/2012/slicer">
      <mc:Choice Requires="sle15">
        <xdr:graphicFrame macro="">
          <xdr:nvGraphicFramePr>
            <xdr:cNvPr id="2" name="サービス種別"/>
            <xdr:cNvGraphicFramePr/>
          </xdr:nvGraphicFramePr>
          <xdr:xfrm>
            <a:off x="0" y="0"/>
            <a:ext cx="0" cy="0"/>
          </xdr:xfrm>
          <a:graphic>
            <a:graphicData uri="http://schemas.microsoft.com/office/drawing/2010/slicer">
              <sle:slicer xmlns:sle="http://schemas.microsoft.com/office/drawing/2010/slicer" name="サービス種別"/>
            </a:graphicData>
          </a:graphic>
        </xdr:graphicFrame>
      </mc:Choice>
      <mc:Fallback xmlns="">
        <xdr:sp macro="" textlink="">
          <xdr:nvSpPr>
            <xdr:cNvPr id="0" name=""/>
            <xdr:cNvSpPr>
              <a:spLocks noTextEdit="1"/>
            </xdr:cNvSpPr>
          </xdr:nvSpPr>
          <xdr:spPr>
            <a:xfrm>
              <a:off x="3951674" y="95490"/>
              <a:ext cx="10825176" cy="1294039"/>
            </a:xfrm>
            <a:prstGeom prst="rect">
              <a:avLst/>
            </a:prstGeom>
            <a:solidFill>
              <a:prstClr val="white"/>
            </a:solidFill>
            <a:ln w="1">
              <a:solidFill>
                <a:prstClr val="green"/>
              </a:solidFill>
            </a:ln>
          </xdr:spPr>
          <xdr:txBody>
            <a:bodyPr vertOverflow="clip" horzOverflow="clip"/>
            <a:lstStyle/>
            <a:p>
              <a:r>
                <a:rPr lang="ja-JP" altLang="en-US" sz="1100"/>
                <a:t>この図形はテーブル スライサーを表しています。テーブル スライサーは、Excel 以降でサポートされています。
図形がそれよりも前のバージョンの Excel で変更された場合、またはブックが Excel 2007 以前で保存された場合は、スライサーを使用できません。</a:t>
              </a:r>
            </a:p>
          </xdr:txBody>
        </xdr:sp>
      </mc:Fallback>
    </mc:AlternateContent>
    <xdr:clientData/>
  </xdr:twoCellAnchor>
  <xdr:twoCellAnchor editAs="absolute">
    <xdr:from>
      <xdr:col>0</xdr:col>
      <xdr:colOff>127635</xdr:colOff>
      <xdr:row>1</xdr:row>
      <xdr:rowOff>78105</xdr:rowOff>
    </xdr:from>
    <xdr:to>
      <xdr:col>2</xdr:col>
      <xdr:colOff>159385</xdr:colOff>
      <xdr:row>1</xdr:row>
      <xdr:rowOff>1331595</xdr:rowOff>
    </xdr:to>
    <mc:AlternateContent xmlns:mc="http://schemas.openxmlformats.org/markup-compatibility/2006" xmlns:sle15="http://schemas.microsoft.com/office/drawing/2012/slicer">
      <mc:Choice Requires="sle15">
        <xdr:graphicFrame macro="">
          <xdr:nvGraphicFramePr>
            <xdr:cNvPr id="3" name="分類"/>
            <xdr:cNvGraphicFramePr/>
          </xdr:nvGraphicFramePr>
          <xdr:xfrm>
            <a:off x="0" y="0"/>
            <a:ext cx="0" cy="0"/>
          </xdr:xfrm>
          <a:graphic>
            <a:graphicData uri="http://schemas.microsoft.com/office/drawing/2010/slicer">
              <sle:slicer xmlns:sle="http://schemas.microsoft.com/office/drawing/2010/slicer" name="分類"/>
            </a:graphicData>
          </a:graphic>
        </xdr:graphicFrame>
      </mc:Choice>
      <mc:Fallback xmlns="">
        <xdr:sp macro="" textlink="">
          <xdr:nvSpPr>
            <xdr:cNvPr id="0" name=""/>
            <xdr:cNvSpPr>
              <a:spLocks noTextEdit="1"/>
            </xdr:cNvSpPr>
          </xdr:nvSpPr>
          <xdr:spPr>
            <a:xfrm>
              <a:off x="127986" y="80282"/>
              <a:ext cx="3673208" cy="1253218"/>
            </a:xfrm>
            <a:prstGeom prst="rect">
              <a:avLst/>
            </a:prstGeom>
            <a:solidFill>
              <a:prstClr val="white"/>
            </a:solidFill>
            <a:ln w="1">
              <a:solidFill>
                <a:prstClr val="green"/>
              </a:solidFill>
            </a:ln>
          </xdr:spPr>
          <xdr:txBody>
            <a:bodyPr vertOverflow="clip" horzOverflow="clip"/>
            <a:lstStyle/>
            <a:p>
              <a:r>
                <a:rPr lang="ja-JP" altLang="en-US" sz="1100"/>
                <a:t>この図形はテーブル スライサーを表しています。テーブル スライサーは、Excel 以降でサポートされています。
図形がそれよりも前のバージョンの Excel で変更された場合、またはブックが Excel 2007 以前で保存された場合は、スライサーを使用できません。</a:t>
              </a:r>
            </a:p>
          </xdr:txBody>
        </xdr:sp>
      </mc:Fallback>
    </mc:AlternateContent>
    <xdr:clientData/>
  </xdr:twoCellAnchor>
  <xdr:twoCellAnchor editAs="absolute">
    <xdr:from>
      <xdr:col>10</xdr:col>
      <xdr:colOff>313690</xdr:colOff>
      <xdr:row>0</xdr:row>
      <xdr:rowOff>0</xdr:rowOff>
    </xdr:from>
    <xdr:to>
      <xdr:col>14</xdr:col>
      <xdr:colOff>5715</xdr:colOff>
      <xdr:row>1</xdr:row>
      <xdr:rowOff>1337945</xdr:rowOff>
    </xdr:to>
    <mc:AlternateContent xmlns:mc="http://schemas.openxmlformats.org/markup-compatibility/2006" xmlns:sle15="http://schemas.microsoft.com/office/drawing/2012/slicer">
      <mc:Choice Requires="sle15">
        <xdr:graphicFrame macro="">
          <xdr:nvGraphicFramePr>
            <xdr:cNvPr id="4" name="地区"/>
            <xdr:cNvGraphicFramePr/>
          </xdr:nvGraphicFramePr>
          <xdr:xfrm>
            <a:off x="0" y="0"/>
            <a:ext cx="0" cy="0"/>
          </xdr:xfrm>
          <a:graphic>
            <a:graphicData uri="http://schemas.microsoft.com/office/drawing/2010/slicer">
              <sle:slicer xmlns:sle="http://schemas.microsoft.com/office/drawing/2010/slicer" name="地区"/>
            </a:graphicData>
          </a:graphic>
        </xdr:graphicFrame>
      </mc:Choice>
      <mc:Fallback xmlns="">
        <xdr:sp macro="" textlink="">
          <xdr:nvSpPr>
            <xdr:cNvPr id="0" name=""/>
            <xdr:cNvSpPr>
              <a:spLocks noTextEdit="1"/>
            </xdr:cNvSpPr>
          </xdr:nvSpPr>
          <xdr:spPr>
            <a:xfrm>
              <a:off x="17862097" y="0"/>
              <a:ext cx="6399440" cy="1334861"/>
            </a:xfrm>
            <a:prstGeom prst="rect">
              <a:avLst/>
            </a:prstGeom>
            <a:solidFill>
              <a:prstClr val="white"/>
            </a:solidFill>
            <a:ln w="1">
              <a:solidFill>
                <a:prstClr val="green"/>
              </a:solidFill>
            </a:ln>
          </xdr:spPr>
          <xdr:txBody>
            <a:bodyPr vertOverflow="clip" horzOverflow="clip"/>
            <a:lstStyle/>
            <a:p>
              <a:r>
                <a:rPr lang="ja-JP" altLang="en-US" sz="1100"/>
                <a:t>この図形はテーブル スライサーを表しています。テーブル スライサーは、Excel 以降でサポートされています。
図形がそれよりも前のバージョンの Excel で変更された場合、またはブックが Excel 2007 以前で保存された場合は、スライサーを使用できません。</a:t>
              </a:r>
            </a:p>
          </xdr:txBody>
        </xdr:sp>
      </mc:Fallback>
    </mc:AlternateContent>
    <xdr:clientData/>
  </xdr:twoCellAnchor>
  <xdr:twoCellAnchor editAs="absolute">
    <xdr:from>
      <xdr:col>8</xdr:col>
      <xdr:colOff>2115820</xdr:colOff>
      <xdr:row>1</xdr:row>
      <xdr:rowOff>66040</xdr:rowOff>
    </xdr:from>
    <xdr:to>
      <xdr:col>10</xdr:col>
      <xdr:colOff>219710</xdr:colOff>
      <xdr:row>2</xdr:row>
      <xdr:rowOff>25944</xdr:rowOff>
    </xdr:to>
    <mc:AlternateContent xmlns:mc="http://schemas.openxmlformats.org/markup-compatibility/2006" xmlns:sle15="http://schemas.microsoft.com/office/drawing/2012/slicer">
      <mc:Choice Requires="sle15">
        <xdr:graphicFrame macro="">
          <xdr:nvGraphicFramePr>
            <xdr:cNvPr id="5" name="地域"/>
            <xdr:cNvGraphicFramePr/>
          </xdr:nvGraphicFramePr>
          <xdr:xfrm>
            <a:off x="0" y="0"/>
            <a:ext cx="0" cy="0"/>
          </xdr:xfrm>
          <a:graphic>
            <a:graphicData uri="http://schemas.microsoft.com/office/drawing/2010/slicer">
              <sle:slicer xmlns:sle="http://schemas.microsoft.com/office/drawing/2010/slicer" name="地域"/>
            </a:graphicData>
          </a:graphic>
        </xdr:graphicFrame>
      </mc:Choice>
      <mc:Fallback xmlns="">
        <xdr:sp macro="" textlink="">
          <xdr:nvSpPr>
            <xdr:cNvPr id="0" name=""/>
            <xdr:cNvSpPr>
              <a:spLocks noTextEdit="1"/>
            </xdr:cNvSpPr>
          </xdr:nvSpPr>
          <xdr:spPr>
            <a:xfrm>
              <a:off x="14855210" y="67235"/>
              <a:ext cx="2890371" cy="1360714"/>
            </a:xfrm>
            <a:prstGeom prst="rect">
              <a:avLst/>
            </a:prstGeom>
            <a:solidFill>
              <a:prstClr val="white"/>
            </a:solidFill>
            <a:ln w="1">
              <a:solidFill>
                <a:prstClr val="green"/>
              </a:solidFill>
            </a:ln>
          </xdr:spPr>
          <xdr:txBody>
            <a:bodyPr vertOverflow="clip" horzOverflow="clip"/>
            <a:lstStyle/>
            <a:p>
              <a:r>
                <a:rPr lang="ja-JP" altLang="en-US" sz="1100"/>
                <a:t>この図形はテーブル スライサーを表しています。テーブル スライサーは、Excel 以降でサポートされています。
図形がそれよりも前のバージョンの Excel で変更された場合、またはブックが Excel 2007 以前で保存された場合は、スライサーを使用できません。</a:t>
              </a:r>
            </a:p>
          </xdr:txBody>
        </xdr:sp>
      </mc:Fallback>
    </mc:AlternateContent>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Startup" Target="SVFS02.toyama-city.local/&#12522;&#12480;&#12452;&#12524;&#12463;&#12488;/099021/AppData/Roaming/Microsoft/Excel/XLSTART/Calssv/&#31532;&#65298;&#12469;&#12540;&#12496;&#12540;/DOCUME~1/DOURO-08/LOCALS~1/TEMP/LMEL001_/MYDOCU/&#20877;&#21033;&#29992;&#36890;&#30693;&#26360;1.7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通知書"/>
      <sheetName val="業者一覧"/>
      <sheetName val="担当者"/>
    </sheetNames>
    <sheetDataSet>
      <sheetData sheetId="0" refreshError="1"/>
      <sheetData sheetId="1">
        <row r="2">
          <cell r="B2" t="str">
            <v>第一冷熱（株）</v>
          </cell>
        </row>
        <row r="3">
          <cell r="B3" t="str">
            <v>ダイエー設備工業（株）</v>
          </cell>
        </row>
        <row r="4">
          <cell r="B4" t="str">
            <v>西田工業（株）</v>
          </cell>
        </row>
        <row r="5">
          <cell r="B5" t="str">
            <v>鈴木工業（株）</v>
          </cell>
        </row>
        <row r="6">
          <cell r="B6" t="str">
            <v>昭和工業（株）</v>
          </cell>
        </row>
        <row r="7">
          <cell r="B7" t="str">
            <v>三金工業（株）</v>
          </cell>
        </row>
        <row r="8">
          <cell r="B8" t="str">
            <v>越中工業（株）</v>
          </cell>
        </row>
        <row r="9">
          <cell r="B9" t="str">
            <v>酒井管工建設（株）</v>
          </cell>
        </row>
        <row r="10">
          <cell r="B10" t="str">
            <v>丸谷工業（株）</v>
          </cell>
        </row>
        <row r="11">
          <cell r="B11" t="str">
            <v>（株）福山設備工業</v>
          </cell>
        </row>
        <row r="12">
          <cell r="B12" t="str">
            <v>中央管機工業（株）</v>
          </cell>
        </row>
        <row r="13">
          <cell r="B13" t="str">
            <v>（有）ニッセツ工業</v>
          </cell>
        </row>
        <row r="14">
          <cell r="B14" t="str">
            <v>藤木工業（株）</v>
          </cell>
        </row>
        <row r="15">
          <cell r="B15" t="str">
            <v>（株）富山工務所</v>
          </cell>
        </row>
        <row r="16">
          <cell r="B16" t="str">
            <v>（株）丸岡産業</v>
          </cell>
        </row>
        <row r="17">
          <cell r="B17" t="str">
            <v>（株）ヒルツ</v>
          </cell>
        </row>
        <row r="18">
          <cell r="B18" t="str">
            <v>（株）東洋</v>
          </cell>
        </row>
        <row r="19">
          <cell r="B19" t="str">
            <v>（有）武内管工事商会</v>
          </cell>
        </row>
        <row r="20">
          <cell r="B20" t="str">
            <v>旭工業（株）</v>
          </cell>
        </row>
        <row r="21">
          <cell r="B21" t="str">
            <v>（株）タニカワ</v>
          </cell>
        </row>
        <row r="22">
          <cell r="B22" t="str">
            <v>太閤産業（株）</v>
          </cell>
        </row>
        <row r="23">
          <cell r="B23" t="str">
            <v>（株）サプラ</v>
          </cell>
        </row>
        <row r="24">
          <cell r="B24" t="str">
            <v>富士線管設備（株）</v>
          </cell>
        </row>
        <row r="25">
          <cell r="B25" t="str">
            <v>（株）松下工業</v>
          </cell>
        </row>
        <row r="26">
          <cell r="B26" t="str">
            <v>（株）浜田管設</v>
          </cell>
        </row>
        <row r="27">
          <cell r="B27" t="str">
            <v>谷川設備（株）</v>
          </cell>
        </row>
        <row r="28">
          <cell r="B28" t="str">
            <v>十方設備工業（株）</v>
          </cell>
        </row>
        <row r="29">
          <cell r="B29" t="str">
            <v>（有）重田設備</v>
          </cell>
        </row>
        <row r="30">
          <cell r="B30" t="str">
            <v>（有）猪島設備工業</v>
          </cell>
        </row>
        <row r="31">
          <cell r="B31" t="str">
            <v>（株）砂子阪工業所</v>
          </cell>
        </row>
        <row r="32">
          <cell r="B32" t="str">
            <v>（有）田口工業所</v>
          </cell>
        </row>
        <row r="33">
          <cell r="B33" t="str">
            <v>（有）栄光設備工業所</v>
          </cell>
        </row>
        <row r="34">
          <cell r="B34" t="str">
            <v>（株）赤塚設備</v>
          </cell>
        </row>
        <row r="35">
          <cell r="B35" t="str">
            <v>正栄工業（株）</v>
          </cell>
        </row>
        <row r="36">
          <cell r="B36" t="str">
            <v>（株）西田工務店</v>
          </cell>
        </row>
        <row r="37">
          <cell r="B37" t="str">
            <v>青山工業（株）</v>
          </cell>
        </row>
        <row r="38">
          <cell r="B38" t="str">
            <v>（株）中川工業</v>
          </cell>
        </row>
        <row r="39">
          <cell r="B39" t="str">
            <v>（株）総和</v>
          </cell>
        </row>
        <row r="40">
          <cell r="B40" t="str">
            <v>坂井管工業（株）</v>
          </cell>
        </row>
        <row r="41">
          <cell r="B41" t="str">
            <v>（株）クレハロ</v>
          </cell>
        </row>
        <row r="42">
          <cell r="B42" t="str">
            <v>共和管機工業（株）</v>
          </cell>
        </row>
        <row r="43">
          <cell r="B43" t="str">
            <v>（有）ヒダ</v>
          </cell>
        </row>
        <row r="44">
          <cell r="B44" t="str">
            <v>呉羽管機工業（株）</v>
          </cell>
        </row>
        <row r="45">
          <cell r="B45" t="str">
            <v>丸嘉工業（株）</v>
          </cell>
        </row>
        <row r="46">
          <cell r="B46" t="str">
            <v>（株）理温工業</v>
          </cell>
        </row>
        <row r="47">
          <cell r="B47" t="str">
            <v>（有）ダイニチ工業</v>
          </cell>
        </row>
        <row r="48">
          <cell r="B48" t="str">
            <v>（株）晃南設備</v>
          </cell>
        </row>
        <row r="49">
          <cell r="B49" t="str">
            <v>ｺﾛﾑﾋﾞｱ電設工業（株）</v>
          </cell>
        </row>
        <row r="50">
          <cell r="B50" t="str">
            <v>（株）大世テク乃</v>
          </cell>
        </row>
        <row r="51">
          <cell r="B51">
            <v>0</v>
          </cell>
        </row>
      </sheetData>
      <sheetData sheetId="2">
        <row r="2">
          <cell r="B2" t="str">
            <v>副主幹　坂井　喜男</v>
          </cell>
        </row>
        <row r="3">
          <cell r="B3" t="str">
            <v>副主幹　梅田　毅一</v>
          </cell>
        </row>
        <row r="4">
          <cell r="B4" t="str">
            <v>主査　藤城　　 隆</v>
          </cell>
        </row>
        <row r="5">
          <cell r="B5" t="str">
            <v>主査　中村　純一</v>
          </cell>
        </row>
        <row r="6">
          <cell r="B6" t="str">
            <v>主査　藤井　幸彦</v>
          </cell>
        </row>
        <row r="7">
          <cell r="B7" t="str">
            <v>技師　田辺　茂樹</v>
          </cell>
        </row>
        <row r="8">
          <cell r="B8" t="str">
            <v>技師　帳山　誠志</v>
          </cell>
        </row>
        <row r="9">
          <cell r="B9" t="str">
            <v>技師　斉藤　　 忠</v>
          </cell>
        </row>
        <row r="10">
          <cell r="B10" t="str">
            <v>技師　高田　浩幸</v>
          </cell>
        </row>
        <row r="11">
          <cell r="B11" t="str">
            <v>技師　鍋田公一郎</v>
          </cell>
        </row>
        <row r="12">
          <cell r="B12" t="str">
            <v>技師　佐伯　光郎</v>
          </cell>
        </row>
        <row r="13">
          <cell r="B13" t="str">
            <v>技師　高倉　由浩</v>
          </cell>
        </row>
      </sheetData>
    </sheetDataSet>
  </externalBook>
</externalLink>
</file>

<file path=xl/slicerCaches/slicerCache1.xml><?xml version="1.0" encoding="utf-8"?>
<slicerCacheDefinition xmlns="http://schemas.microsoft.com/office/spreadsheetml/2009/9/main" xmlns:mc="http://schemas.openxmlformats.org/markup-compatibility/2006" xmlns:x="http://schemas.openxmlformats.org/spreadsheetml/2006/main" mc:Ignorable="x" name="スライサー_サービス種別" sourceName="サービス種別">
  <extLst>
    <x:ext xmlns:x15="http://schemas.microsoft.com/office/spreadsheetml/2010/11/main" uri="{2F2917AC-EB37-4324-AD4E-5DD8C200BD13}">
      <x15:tableSlicerCache tableId="1" column="1"/>
    </x:ext>
  </extLst>
</slicerCacheDefinition>
</file>

<file path=xl/slicerCaches/slicerCache2.xml><?xml version="1.0" encoding="utf-8"?>
<slicerCacheDefinition xmlns="http://schemas.microsoft.com/office/spreadsheetml/2009/9/main" xmlns:mc="http://schemas.openxmlformats.org/markup-compatibility/2006" xmlns:x="http://schemas.openxmlformats.org/spreadsheetml/2006/main" mc:Ignorable="x" name="スライサー_分類" sourceName="分類">
  <extLst>
    <x:ext xmlns:x15="http://schemas.microsoft.com/office/spreadsheetml/2010/11/main" uri="{2F2917AC-EB37-4324-AD4E-5DD8C200BD13}">
      <x15:tableSlicerCache tableId="1" column="2"/>
    </x:ext>
  </extLst>
</slicerCacheDefinition>
</file>

<file path=xl/slicerCaches/slicerCache3.xml><?xml version="1.0" encoding="utf-8"?>
<slicerCacheDefinition xmlns="http://schemas.microsoft.com/office/spreadsheetml/2009/9/main" xmlns:mc="http://schemas.openxmlformats.org/markup-compatibility/2006" xmlns:x="http://schemas.openxmlformats.org/spreadsheetml/2006/main" mc:Ignorable="x" name="スライサー_地区" sourceName="地区">
  <extLst>
    <x:ext xmlns:x15="http://schemas.microsoft.com/office/spreadsheetml/2010/11/main" uri="{2F2917AC-EB37-4324-AD4E-5DD8C200BD13}">
      <x15:tableSlicerCache tableId="1" column="36"/>
    </x:ext>
  </extLst>
</slicerCacheDefinition>
</file>

<file path=xl/slicerCaches/slicerCache4.xml><?xml version="1.0" encoding="utf-8"?>
<slicerCacheDefinition xmlns="http://schemas.microsoft.com/office/spreadsheetml/2009/9/main" xmlns:mc="http://schemas.openxmlformats.org/markup-compatibility/2006" xmlns:x="http://schemas.openxmlformats.org/spreadsheetml/2006/main" mc:Ignorable="x" name="スライサー_地域" sourceName="地域">
  <extLst>
    <x:ext xmlns:x15="http://schemas.microsoft.com/office/spreadsheetml/2010/11/main" uri="{2F2917AC-EB37-4324-AD4E-5DD8C200BD13}">
      <x15:tableSlicerCache tableId="1" column="37"/>
    </x:ext>
  </extLst>
</slicerCacheDefinition>
</file>

<file path=xl/slicers/slicer1.xml><?xml version="1.0" encoding="utf-8"?>
<slicers xmlns="http://schemas.microsoft.com/office/spreadsheetml/2009/9/main" xmlns:mc="http://schemas.openxmlformats.org/markup-compatibility/2006" xmlns:x="http://schemas.openxmlformats.org/spreadsheetml/2006/main" mc:Ignorable="x">
  <slicer name="サービス種別" cache="スライサー_サービス種別" caption="サービス種別" columnCount="8" rowHeight="216000"/>
  <slicer name="分類" cache="スライサー_分類" caption="分類" columnCount="3" rowHeight="225425"/>
  <slicer name="地区" cache="スライサー_地区" caption="地区" columnCount="7" rowHeight="225425"/>
  <slicer name="地域" cache="スライサー_地域" caption="地域" columnCount="2" rowHeight="225425"/>
</slicers>
</file>

<file path=xl/tables/table1.xml><?xml version="1.0" encoding="utf-8"?>
<table xmlns="http://schemas.openxmlformats.org/spreadsheetml/2006/main" id="1" name="事業所一覧" displayName="事業所一覧" ref="A3:S668" totalsRowShown="0" headerRowDxfId="23" dataDxfId="0" headerRowBorderDxfId="22" tableBorderDxfId="21" totalsRowBorderDxfId="20">
  <autoFilter ref="A3:S668"/>
  <tableColumns count="19">
    <tableColumn id="1" name="サービス種別" dataDxfId="19"/>
    <tableColumn id="2" name="分類" dataDxfId="18">
      <calculatedColumnFormula>IFERROR(VLOOKUP($A4,削除禁止!$A$1:$J$42,2,0),"")</calculatedColumnFormula>
    </tableColumn>
    <tableColumn id="3" name="事業所番号" dataDxfId="17"/>
    <tableColumn id="4" name="多機能_x000a_の有無" dataDxfId="16"/>
    <tableColumn id="5" name="共生型_x000a_サービス" dataDxfId="15"/>
    <tableColumn id="6" name="事業所名称" dataDxfId="14"/>
    <tableColumn id="7" name="定員" dataDxfId="13"/>
    <tableColumn id="8" name="郵便番号" dataDxfId="12"/>
    <tableColumn id="9" name="事業所所在地" dataDxfId="11"/>
    <tableColumn id="10" name="電話番号" dataDxfId="10"/>
    <tableColumn id="11" name="FAX番号" dataDxfId="9"/>
    <tableColumn id="12" name="運営主体" dataDxfId="8"/>
    <tableColumn id="13" name="事業開始_x000a_年月日" dataDxfId="7"/>
    <tableColumn id="14" name="指定有効_x000a_期間満了日" dataDxfId="6"/>
    <tableColumn id="15" name="外部_x000a_サービス_x000a_利用型" dataDxfId="5"/>
    <tableColumn id="16" name="介護_x000a_サービス_x000a_包括型" dataDxfId="4"/>
    <tableColumn id="17" name="日中_x000a_サービス_x000a_支援型" dataDxfId="3"/>
    <tableColumn id="37" name="地域" dataDxfId="2"/>
    <tableColumn id="36" name="地区" dataDxfId="1"/>
  </tableColumns>
  <tableStyleInfo name="TableStyleMedium2" showFirstColumn="0" showLastColumn="0" showRowStripes="0"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microsoft.com/office/2007/relationships/slicer" Target="../slicers/slicer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S673"/>
  <sheetViews>
    <sheetView tabSelected="1" topLeftCell="D2" zoomScale="70" zoomScaleNormal="70" workbookViewId="0">
      <pane ySplit="2" topLeftCell="A658" activePane="bottomLeft" state="frozen"/>
      <selection pane="bottomLeft" activeCell="A3" sqref="A3"/>
    </sheetView>
  </sheetViews>
  <sheetFormatPr defaultColWidth="9" defaultRowHeight="13.5" outlineLevelCol="2" x14ac:dyDescent="0.15"/>
  <cols>
    <col min="1" max="1" width="31.125" style="1" customWidth="1"/>
    <col min="2" max="2" width="16.625" style="2" customWidth="1"/>
    <col min="3" max="3" width="16" style="3" customWidth="1"/>
    <col min="4" max="5" width="7.875" style="3" customWidth="1"/>
    <col min="6" max="6" width="55.75" style="4" customWidth="1"/>
    <col min="7" max="7" width="11.75" style="3" customWidth="1" outlineLevel="1"/>
    <col min="8" max="8" width="20" style="3" customWidth="1" outlineLevel="1"/>
    <col min="9" max="9" width="46.125" style="5" customWidth="1" outlineLevel="1"/>
    <col min="10" max="11" width="16.625" style="3" customWidth="1" outlineLevel="2"/>
    <col min="12" max="12" width="43" style="4" customWidth="1" outlineLevel="2"/>
    <col min="13" max="14" width="15.25" style="6" customWidth="1" outlineLevel="2"/>
    <col min="15" max="17" width="11" style="1" customWidth="1" outlineLevel="2"/>
    <col min="18" max="18" width="12" style="1" customWidth="1" outlineLevel="1"/>
    <col min="19" max="19" width="12.375" style="1" customWidth="1" outlineLevel="1"/>
    <col min="20" max="16384" width="9" style="1"/>
  </cols>
  <sheetData>
    <row r="1" spans="1:19" ht="110.25" hidden="1" customHeight="1" x14ac:dyDescent="0.15"/>
    <row r="2" spans="1:19" ht="110.25" customHeight="1" x14ac:dyDescent="0.15"/>
    <row r="3" spans="1:19" s="7" customFormat="1" ht="69.75" customHeight="1" x14ac:dyDescent="0.15">
      <c r="A3" s="8" t="s">
        <v>964</v>
      </c>
      <c r="B3" s="9" t="s">
        <v>705</v>
      </c>
      <c r="C3" s="9" t="s">
        <v>27</v>
      </c>
      <c r="D3" s="9" t="s">
        <v>1312</v>
      </c>
      <c r="E3" s="9" t="s">
        <v>801</v>
      </c>
      <c r="F3" s="9" t="s">
        <v>0</v>
      </c>
      <c r="G3" s="9" t="s">
        <v>749</v>
      </c>
      <c r="H3" s="9" t="s">
        <v>978</v>
      </c>
      <c r="I3" s="9" t="s">
        <v>44</v>
      </c>
      <c r="J3" s="9" t="s">
        <v>649</v>
      </c>
      <c r="K3" s="9" t="s">
        <v>252</v>
      </c>
      <c r="L3" s="9" t="s">
        <v>647</v>
      </c>
      <c r="M3" s="25" t="s">
        <v>1024</v>
      </c>
      <c r="N3" s="25" t="s">
        <v>593</v>
      </c>
      <c r="O3" s="9" t="s">
        <v>357</v>
      </c>
      <c r="P3" s="9" t="s">
        <v>1211</v>
      </c>
      <c r="Q3" s="9" t="s">
        <v>1228</v>
      </c>
      <c r="R3" s="32" t="s">
        <v>1807</v>
      </c>
      <c r="S3" s="32" t="s">
        <v>1804</v>
      </c>
    </row>
    <row r="4" spans="1:19" s="50" customFormat="1" ht="46.5" customHeight="1" x14ac:dyDescent="0.15">
      <c r="A4" s="47" t="s">
        <v>1231</v>
      </c>
      <c r="B4" s="48" t="str">
        <f>IFERROR(VLOOKUP($A4,削除禁止!$A$1:$J$42,2,0),"")</f>
        <v>訪問系</v>
      </c>
      <c r="C4" s="10">
        <v>1610100321</v>
      </c>
      <c r="D4" s="10"/>
      <c r="E4" s="10"/>
      <c r="F4" s="16" t="s">
        <v>206</v>
      </c>
      <c r="G4" s="10"/>
      <c r="H4" s="10" t="s">
        <v>743</v>
      </c>
      <c r="I4" s="16" t="s">
        <v>464</v>
      </c>
      <c r="J4" s="10" t="s">
        <v>160</v>
      </c>
      <c r="K4" s="10" t="s">
        <v>209</v>
      </c>
      <c r="L4" s="16" t="s">
        <v>198</v>
      </c>
      <c r="M4" s="26">
        <v>38991</v>
      </c>
      <c r="N4" s="26">
        <v>45565</v>
      </c>
      <c r="O4" s="48"/>
      <c r="P4" s="48"/>
      <c r="Q4" s="48"/>
      <c r="R4" s="49" t="s">
        <v>1764</v>
      </c>
      <c r="S4" s="49" t="s">
        <v>1775</v>
      </c>
    </row>
    <row r="5" spans="1:19" s="50" customFormat="1" ht="46.5" customHeight="1" x14ac:dyDescent="0.15">
      <c r="A5" s="47" t="s">
        <v>1231</v>
      </c>
      <c r="B5" s="48" t="str">
        <f>IFERROR(VLOOKUP($A5,削除禁止!$A$1:$J$42,2,0),"")</f>
        <v>訪問系</v>
      </c>
      <c r="C5" s="10">
        <v>1610100230</v>
      </c>
      <c r="D5" s="10"/>
      <c r="E5" s="10"/>
      <c r="F5" s="16" t="s">
        <v>339</v>
      </c>
      <c r="G5" s="10"/>
      <c r="H5" s="10" t="s">
        <v>133</v>
      </c>
      <c r="I5" s="16" t="s">
        <v>1304</v>
      </c>
      <c r="J5" s="10" t="s">
        <v>88</v>
      </c>
      <c r="K5" s="10" t="s">
        <v>76</v>
      </c>
      <c r="L5" s="16" t="s">
        <v>310</v>
      </c>
      <c r="M5" s="26">
        <v>38991</v>
      </c>
      <c r="N5" s="26">
        <v>45565</v>
      </c>
      <c r="O5" s="48"/>
      <c r="P5" s="48"/>
      <c r="Q5" s="48"/>
      <c r="R5" s="49" t="s">
        <v>1764</v>
      </c>
      <c r="S5" s="49" t="s">
        <v>1814</v>
      </c>
    </row>
    <row r="6" spans="1:19" s="50" customFormat="1" ht="46.5" customHeight="1" x14ac:dyDescent="0.15">
      <c r="A6" s="47" t="s">
        <v>1231</v>
      </c>
      <c r="B6" s="48" t="str">
        <f>IFERROR(VLOOKUP($A6,削除禁止!$A$1:$J$42,2,0),"")</f>
        <v>訪問系</v>
      </c>
      <c r="C6" s="10">
        <v>1610100289</v>
      </c>
      <c r="D6" s="10"/>
      <c r="E6" s="10"/>
      <c r="F6" s="16" t="s">
        <v>110</v>
      </c>
      <c r="G6" s="10"/>
      <c r="H6" s="10" t="s">
        <v>107</v>
      </c>
      <c r="I6" s="16" t="s">
        <v>1045</v>
      </c>
      <c r="J6" s="10" t="s">
        <v>183</v>
      </c>
      <c r="K6" s="10" t="s">
        <v>151</v>
      </c>
      <c r="L6" s="16" t="s">
        <v>1151</v>
      </c>
      <c r="M6" s="26">
        <v>38991</v>
      </c>
      <c r="N6" s="26">
        <v>45565</v>
      </c>
      <c r="O6" s="48"/>
      <c r="P6" s="48"/>
      <c r="Q6" s="48"/>
      <c r="R6" s="49" t="s">
        <v>1764</v>
      </c>
      <c r="S6" s="49" t="s">
        <v>597</v>
      </c>
    </row>
    <row r="7" spans="1:19" s="50" customFormat="1" ht="46.5" customHeight="1" x14ac:dyDescent="0.15">
      <c r="A7" s="47" t="s">
        <v>1231</v>
      </c>
      <c r="B7" s="48" t="str">
        <f>IFERROR(VLOOKUP($A7,削除禁止!$A$1:$J$42,2,0),"")</f>
        <v>訪問系</v>
      </c>
      <c r="C7" s="10">
        <v>1610100362</v>
      </c>
      <c r="D7" s="10"/>
      <c r="E7" s="10"/>
      <c r="F7" s="16" t="s">
        <v>227</v>
      </c>
      <c r="G7" s="10"/>
      <c r="H7" s="10" t="s">
        <v>228</v>
      </c>
      <c r="I7" s="16" t="s">
        <v>248</v>
      </c>
      <c r="J7" s="10" t="s">
        <v>232</v>
      </c>
      <c r="K7" s="10" t="s">
        <v>174</v>
      </c>
      <c r="L7" s="16" t="s">
        <v>212</v>
      </c>
      <c r="M7" s="26">
        <v>38991</v>
      </c>
      <c r="N7" s="26">
        <v>45565</v>
      </c>
      <c r="O7" s="48"/>
      <c r="P7" s="48"/>
      <c r="Q7" s="48"/>
      <c r="R7" s="49" t="s">
        <v>1008</v>
      </c>
      <c r="S7" s="49" t="s">
        <v>1800</v>
      </c>
    </row>
    <row r="8" spans="1:19" s="50" customFormat="1" ht="46.5" customHeight="1" x14ac:dyDescent="0.15">
      <c r="A8" s="47" t="s">
        <v>1231</v>
      </c>
      <c r="B8" s="48" t="str">
        <f>IFERROR(VLOOKUP($A8,削除禁止!$A$1:$J$42,2,0),"")</f>
        <v>訪問系</v>
      </c>
      <c r="C8" s="10">
        <v>1610100313</v>
      </c>
      <c r="D8" s="10"/>
      <c r="E8" s="10"/>
      <c r="F8" s="16" t="s">
        <v>66</v>
      </c>
      <c r="G8" s="10"/>
      <c r="H8" s="10" t="s">
        <v>75</v>
      </c>
      <c r="I8" s="16" t="s">
        <v>869</v>
      </c>
      <c r="J8" s="10" t="s">
        <v>342</v>
      </c>
      <c r="K8" s="10" t="s">
        <v>650</v>
      </c>
      <c r="L8" s="16" t="s">
        <v>400</v>
      </c>
      <c r="M8" s="26">
        <v>38991</v>
      </c>
      <c r="N8" s="26">
        <v>45565</v>
      </c>
      <c r="O8" s="48"/>
      <c r="P8" s="48"/>
      <c r="Q8" s="48"/>
      <c r="R8" s="49" t="s">
        <v>1764</v>
      </c>
      <c r="S8" s="49" t="s">
        <v>1830</v>
      </c>
    </row>
    <row r="9" spans="1:19" s="50" customFormat="1" ht="46.5" customHeight="1" x14ac:dyDescent="0.15">
      <c r="A9" s="47" t="s">
        <v>1231</v>
      </c>
      <c r="B9" s="48" t="str">
        <f>IFERROR(VLOOKUP($A9,削除禁止!$A$1:$J$42,2,0),"")</f>
        <v>訪問系</v>
      </c>
      <c r="C9" s="10">
        <v>1610100347</v>
      </c>
      <c r="D9" s="10"/>
      <c r="E9" s="10"/>
      <c r="F9" s="16" t="s">
        <v>323</v>
      </c>
      <c r="G9" s="10"/>
      <c r="H9" s="10" t="s">
        <v>315</v>
      </c>
      <c r="I9" s="16" t="s">
        <v>477</v>
      </c>
      <c r="J9" s="10" t="s">
        <v>316</v>
      </c>
      <c r="K9" s="10" t="s">
        <v>319</v>
      </c>
      <c r="L9" s="16" t="s">
        <v>1153</v>
      </c>
      <c r="M9" s="26">
        <v>38991</v>
      </c>
      <c r="N9" s="26">
        <v>45565</v>
      </c>
      <c r="O9" s="48"/>
      <c r="P9" s="48"/>
      <c r="Q9" s="48"/>
      <c r="R9" s="49" t="s">
        <v>1786</v>
      </c>
      <c r="S9" s="49" t="s">
        <v>1770</v>
      </c>
    </row>
    <row r="10" spans="1:19" s="50" customFormat="1" ht="46.5" customHeight="1" x14ac:dyDescent="0.15">
      <c r="A10" s="47" t="s">
        <v>1231</v>
      </c>
      <c r="B10" s="48" t="str">
        <f>IFERROR(VLOOKUP($A10,削除禁止!$A$1:$J$42,2,0),"")</f>
        <v>訪問系</v>
      </c>
      <c r="C10" s="10">
        <v>1610100206</v>
      </c>
      <c r="D10" s="10"/>
      <c r="E10" s="10"/>
      <c r="F10" s="16" t="s">
        <v>525</v>
      </c>
      <c r="G10" s="10"/>
      <c r="H10" s="10" t="s">
        <v>352</v>
      </c>
      <c r="I10" s="16" t="s">
        <v>1301</v>
      </c>
      <c r="J10" s="10" t="s">
        <v>337</v>
      </c>
      <c r="K10" s="10" t="s">
        <v>692</v>
      </c>
      <c r="L10" s="16" t="s">
        <v>521</v>
      </c>
      <c r="M10" s="26">
        <v>38991</v>
      </c>
      <c r="N10" s="26">
        <v>45565</v>
      </c>
      <c r="O10" s="48"/>
      <c r="P10" s="48"/>
      <c r="Q10" s="48"/>
      <c r="R10" s="49" t="s">
        <v>1764</v>
      </c>
      <c r="S10" s="49" t="s">
        <v>1829</v>
      </c>
    </row>
    <row r="11" spans="1:19" s="50" customFormat="1" ht="46.5" customHeight="1" x14ac:dyDescent="0.15">
      <c r="A11" s="47" t="s">
        <v>1231</v>
      </c>
      <c r="B11" s="48" t="str">
        <f>IFERROR(VLOOKUP($A11,削除禁止!$A$1:$J$42,2,0),"")</f>
        <v>訪問系</v>
      </c>
      <c r="C11" s="10">
        <v>1610100263</v>
      </c>
      <c r="D11" s="10"/>
      <c r="E11" s="10"/>
      <c r="F11" s="16" t="s">
        <v>602</v>
      </c>
      <c r="G11" s="10"/>
      <c r="H11" s="11" t="s">
        <v>53</v>
      </c>
      <c r="I11" s="16" t="s">
        <v>1841</v>
      </c>
      <c r="J11" s="10" t="s">
        <v>968</v>
      </c>
      <c r="K11" s="10" t="s">
        <v>968</v>
      </c>
      <c r="L11" s="16" t="s">
        <v>602</v>
      </c>
      <c r="M11" s="26">
        <v>38991</v>
      </c>
      <c r="N11" s="26">
        <v>45565</v>
      </c>
      <c r="O11" s="48"/>
      <c r="P11" s="48"/>
      <c r="Q11" s="48"/>
      <c r="R11" s="49" t="s">
        <v>1764</v>
      </c>
      <c r="S11" s="49" t="s">
        <v>1704</v>
      </c>
    </row>
    <row r="12" spans="1:19" s="50" customFormat="1" ht="46.5" customHeight="1" x14ac:dyDescent="0.15">
      <c r="A12" s="47" t="s">
        <v>1231</v>
      </c>
      <c r="B12" s="48" t="str">
        <f>IFERROR(VLOOKUP($A12,削除禁止!$A$1:$J$42,2,0),"")</f>
        <v>訪問系</v>
      </c>
      <c r="C12" s="10">
        <v>1610100412</v>
      </c>
      <c r="D12" s="10"/>
      <c r="E12" s="10"/>
      <c r="F12" s="16" t="s">
        <v>118</v>
      </c>
      <c r="G12" s="10"/>
      <c r="H12" s="10" t="s">
        <v>601</v>
      </c>
      <c r="I12" s="16" t="s">
        <v>1034</v>
      </c>
      <c r="J12" s="10" t="s">
        <v>628</v>
      </c>
      <c r="K12" s="10" t="s">
        <v>176</v>
      </c>
      <c r="L12" s="16" t="s">
        <v>626</v>
      </c>
      <c r="M12" s="26">
        <v>38991</v>
      </c>
      <c r="N12" s="26">
        <v>45565</v>
      </c>
      <c r="O12" s="48"/>
      <c r="P12" s="48"/>
      <c r="Q12" s="48"/>
      <c r="R12" s="49" t="s">
        <v>1764</v>
      </c>
      <c r="S12" s="49" t="s">
        <v>1822</v>
      </c>
    </row>
    <row r="13" spans="1:19" s="50" customFormat="1" ht="46.5" customHeight="1" x14ac:dyDescent="0.15">
      <c r="A13" s="47" t="s">
        <v>1231</v>
      </c>
      <c r="B13" s="48" t="str">
        <f>IFERROR(VLOOKUP($A13,削除禁止!$A$1:$J$42,2,0),"")</f>
        <v>訪問系</v>
      </c>
      <c r="C13" s="10">
        <v>1610100297</v>
      </c>
      <c r="D13" s="10"/>
      <c r="E13" s="10"/>
      <c r="F13" s="16" t="s">
        <v>619</v>
      </c>
      <c r="G13" s="10"/>
      <c r="H13" s="10" t="s">
        <v>618</v>
      </c>
      <c r="I13" s="16" t="s">
        <v>1585</v>
      </c>
      <c r="J13" s="10" t="s">
        <v>422</v>
      </c>
      <c r="K13" s="10" t="s">
        <v>422</v>
      </c>
      <c r="L13" s="16" t="s">
        <v>1049</v>
      </c>
      <c r="M13" s="26">
        <v>38991</v>
      </c>
      <c r="N13" s="26">
        <v>45565</v>
      </c>
      <c r="O13" s="48"/>
      <c r="P13" s="48"/>
      <c r="Q13" s="48"/>
      <c r="R13" s="49" t="s">
        <v>1764</v>
      </c>
      <c r="S13" s="49" t="s">
        <v>366</v>
      </c>
    </row>
    <row r="14" spans="1:19" s="50" customFormat="1" ht="46.5" customHeight="1" x14ac:dyDescent="0.15">
      <c r="A14" s="47" t="s">
        <v>1231</v>
      </c>
      <c r="B14" s="48" t="str">
        <f>IFERROR(VLOOKUP($A14,削除禁止!$A$1:$J$42,2,0),"")</f>
        <v>訪問系</v>
      </c>
      <c r="C14" s="10">
        <v>1610100214</v>
      </c>
      <c r="D14" s="10"/>
      <c r="E14" s="10"/>
      <c r="F14" s="16" t="s">
        <v>622</v>
      </c>
      <c r="G14" s="10"/>
      <c r="H14" s="10" t="s">
        <v>301</v>
      </c>
      <c r="I14" s="16" t="s">
        <v>1752</v>
      </c>
      <c r="J14" s="10" t="s">
        <v>621</v>
      </c>
      <c r="K14" s="10" t="s">
        <v>621</v>
      </c>
      <c r="L14" s="16" t="s">
        <v>622</v>
      </c>
      <c r="M14" s="26">
        <v>38991</v>
      </c>
      <c r="N14" s="26">
        <v>45565</v>
      </c>
      <c r="O14" s="48"/>
      <c r="P14" s="48"/>
      <c r="Q14" s="48"/>
      <c r="R14" s="49" t="s">
        <v>1764</v>
      </c>
      <c r="S14" s="49" t="s">
        <v>1784</v>
      </c>
    </row>
    <row r="15" spans="1:19" s="50" customFormat="1" ht="46.5" customHeight="1" x14ac:dyDescent="0.15">
      <c r="A15" s="47" t="s">
        <v>1231</v>
      </c>
      <c r="B15" s="48" t="str">
        <f>IFERROR(VLOOKUP($A15,削除禁止!$A$1:$J$42,2,0),"")</f>
        <v>訪問系</v>
      </c>
      <c r="C15" s="10">
        <v>1610100453</v>
      </c>
      <c r="D15" s="10"/>
      <c r="E15" s="10"/>
      <c r="F15" s="16" t="s">
        <v>640</v>
      </c>
      <c r="G15" s="10"/>
      <c r="H15" s="10" t="s">
        <v>794</v>
      </c>
      <c r="I15" s="16" t="s">
        <v>1308</v>
      </c>
      <c r="J15" s="10" t="s">
        <v>641</v>
      </c>
      <c r="K15" s="10" t="s">
        <v>644</v>
      </c>
      <c r="L15" s="16" t="s">
        <v>640</v>
      </c>
      <c r="M15" s="26">
        <v>38991</v>
      </c>
      <c r="N15" s="26">
        <v>45565</v>
      </c>
      <c r="O15" s="48"/>
      <c r="P15" s="48"/>
      <c r="Q15" s="48"/>
      <c r="R15" s="49" t="s">
        <v>1764</v>
      </c>
      <c r="S15" s="49" t="s">
        <v>1772</v>
      </c>
    </row>
    <row r="16" spans="1:19" s="50" customFormat="1" ht="46.5" customHeight="1" x14ac:dyDescent="0.15">
      <c r="A16" s="47" t="s">
        <v>1231</v>
      </c>
      <c r="B16" s="48" t="str">
        <f>IFERROR(VLOOKUP($A16,削除禁止!$A$1:$J$42,2,0),"")</f>
        <v>訪問系</v>
      </c>
      <c r="C16" s="10">
        <v>1610100594</v>
      </c>
      <c r="D16" s="10"/>
      <c r="E16" s="10"/>
      <c r="F16" s="16" t="s">
        <v>239</v>
      </c>
      <c r="G16" s="10"/>
      <c r="H16" s="10" t="s">
        <v>147</v>
      </c>
      <c r="I16" s="16" t="s">
        <v>558</v>
      </c>
      <c r="J16" s="10" t="s">
        <v>242</v>
      </c>
      <c r="K16" s="10" t="s">
        <v>246</v>
      </c>
      <c r="L16" s="16" t="s">
        <v>212</v>
      </c>
      <c r="M16" s="26">
        <v>39052</v>
      </c>
      <c r="N16" s="26">
        <v>45626</v>
      </c>
      <c r="O16" s="48"/>
      <c r="P16" s="48"/>
      <c r="Q16" s="48"/>
      <c r="R16" s="49" t="s">
        <v>1764</v>
      </c>
      <c r="S16" s="49" t="s">
        <v>1816</v>
      </c>
    </row>
    <row r="17" spans="1:19" s="50" customFormat="1" ht="46.5" customHeight="1" x14ac:dyDescent="0.15">
      <c r="A17" s="47" t="s">
        <v>1231</v>
      </c>
      <c r="B17" s="48" t="str">
        <f>IFERROR(VLOOKUP($A17,削除禁止!$A$1:$J$42,2,0),"")</f>
        <v>訪問系</v>
      </c>
      <c r="C17" s="10">
        <v>1610100636</v>
      </c>
      <c r="D17" s="10"/>
      <c r="E17" s="10"/>
      <c r="F17" s="16" t="s">
        <v>207</v>
      </c>
      <c r="G17" s="10"/>
      <c r="H17" s="10" t="s">
        <v>236</v>
      </c>
      <c r="I17" s="16" t="s">
        <v>1309</v>
      </c>
      <c r="J17" s="10" t="s">
        <v>38</v>
      </c>
      <c r="K17" s="10" t="s">
        <v>721</v>
      </c>
      <c r="L17" s="16" t="s">
        <v>212</v>
      </c>
      <c r="M17" s="26">
        <v>39052</v>
      </c>
      <c r="N17" s="26">
        <v>45626</v>
      </c>
      <c r="O17" s="48"/>
      <c r="P17" s="48"/>
      <c r="Q17" s="48"/>
      <c r="R17" s="49" t="s">
        <v>1764</v>
      </c>
      <c r="S17" s="49" t="s">
        <v>562</v>
      </c>
    </row>
    <row r="18" spans="1:19" s="50" customFormat="1" ht="46.5" customHeight="1" x14ac:dyDescent="0.15">
      <c r="A18" s="47" t="s">
        <v>1231</v>
      </c>
      <c r="B18" s="48" t="str">
        <f>IFERROR(VLOOKUP($A18,削除禁止!$A$1:$J$42,2,0),"")</f>
        <v>訪問系</v>
      </c>
      <c r="C18" s="10">
        <v>1610100768</v>
      </c>
      <c r="D18" s="10"/>
      <c r="E18" s="10"/>
      <c r="F18" s="16" t="s">
        <v>1240</v>
      </c>
      <c r="G18" s="10"/>
      <c r="H18" s="11" t="s">
        <v>1059</v>
      </c>
      <c r="I18" s="16" t="s">
        <v>1310</v>
      </c>
      <c r="J18" s="10" t="s">
        <v>1060</v>
      </c>
      <c r="K18" s="10" t="s">
        <v>917</v>
      </c>
      <c r="L18" s="16" t="s">
        <v>235</v>
      </c>
      <c r="M18" s="26">
        <v>39387</v>
      </c>
      <c r="N18" s="26">
        <v>45961</v>
      </c>
      <c r="O18" s="48"/>
      <c r="P18" s="48"/>
      <c r="Q18" s="48"/>
      <c r="R18" s="49" t="s">
        <v>1764</v>
      </c>
      <c r="S18" s="49" t="s">
        <v>1817</v>
      </c>
    </row>
    <row r="19" spans="1:19" s="50" customFormat="1" ht="46.5" customHeight="1" x14ac:dyDescent="0.15">
      <c r="A19" s="47" t="s">
        <v>1231</v>
      </c>
      <c r="B19" s="48" t="str">
        <f>IFERROR(VLOOKUP($A19,削除禁止!$A$1:$J$42,2,0),"")</f>
        <v>訪問系</v>
      </c>
      <c r="C19" s="10">
        <v>1610100784</v>
      </c>
      <c r="D19" s="10"/>
      <c r="E19" s="10"/>
      <c r="F19" s="16" t="s">
        <v>1242</v>
      </c>
      <c r="G19" s="10"/>
      <c r="H19" s="10" t="s">
        <v>263</v>
      </c>
      <c r="I19" s="16" t="s">
        <v>1311</v>
      </c>
      <c r="J19" s="10" t="s">
        <v>265</v>
      </c>
      <c r="K19" s="10" t="s">
        <v>122</v>
      </c>
      <c r="L19" s="16" t="s">
        <v>1607</v>
      </c>
      <c r="M19" s="26">
        <v>39630</v>
      </c>
      <c r="N19" s="26">
        <v>46203</v>
      </c>
      <c r="O19" s="48"/>
      <c r="P19" s="48"/>
      <c r="Q19" s="48"/>
      <c r="R19" s="49" t="s">
        <v>1764</v>
      </c>
      <c r="S19" s="49" t="s">
        <v>1772</v>
      </c>
    </row>
    <row r="20" spans="1:19" s="50" customFormat="1" ht="46.5" customHeight="1" x14ac:dyDescent="0.15">
      <c r="A20" s="47" t="s">
        <v>1231</v>
      </c>
      <c r="B20" s="48" t="str">
        <f>IFERROR(VLOOKUP($A20,削除禁止!$A$1:$J$42,2,0),"")</f>
        <v>訪問系</v>
      </c>
      <c r="C20" s="10">
        <v>1610100792</v>
      </c>
      <c r="D20" s="10"/>
      <c r="E20" s="10"/>
      <c r="F20" s="16" t="s">
        <v>1210</v>
      </c>
      <c r="G20" s="10"/>
      <c r="H20" s="10" t="s">
        <v>499</v>
      </c>
      <c r="I20" s="16" t="s">
        <v>1665</v>
      </c>
      <c r="J20" s="10" t="s">
        <v>33</v>
      </c>
      <c r="K20" s="10" t="s">
        <v>57</v>
      </c>
      <c r="L20" s="16" t="s">
        <v>573</v>
      </c>
      <c r="M20" s="26">
        <v>39661</v>
      </c>
      <c r="N20" s="26">
        <v>46234</v>
      </c>
      <c r="O20" s="48"/>
      <c r="P20" s="48"/>
      <c r="Q20" s="48"/>
      <c r="R20" s="49" t="s">
        <v>1764</v>
      </c>
      <c r="S20" s="49" t="s">
        <v>1818</v>
      </c>
    </row>
    <row r="21" spans="1:19" s="50" customFormat="1" ht="46.5" customHeight="1" x14ac:dyDescent="0.15">
      <c r="A21" s="47" t="s">
        <v>1231</v>
      </c>
      <c r="B21" s="48" t="str">
        <f>IFERROR(VLOOKUP($A21,削除禁止!$A$1:$J$42,2,0),"")</f>
        <v>訪問系</v>
      </c>
      <c r="C21" s="10">
        <v>1610100818</v>
      </c>
      <c r="D21" s="10"/>
      <c r="E21" s="10"/>
      <c r="F21" s="16" t="s">
        <v>1243</v>
      </c>
      <c r="G21" s="10"/>
      <c r="H21" s="10" t="s">
        <v>287</v>
      </c>
      <c r="I21" s="16" t="s">
        <v>764</v>
      </c>
      <c r="J21" s="10" t="s">
        <v>614</v>
      </c>
      <c r="K21" s="10" t="s">
        <v>191</v>
      </c>
      <c r="L21" s="16" t="s">
        <v>606</v>
      </c>
      <c r="M21" s="26">
        <v>39845</v>
      </c>
      <c r="N21" s="26">
        <v>46418</v>
      </c>
      <c r="O21" s="48"/>
      <c r="P21" s="48"/>
      <c r="Q21" s="48"/>
      <c r="R21" s="49" t="s">
        <v>1809</v>
      </c>
      <c r="S21" s="49" t="s">
        <v>1779</v>
      </c>
    </row>
    <row r="22" spans="1:19" s="50" customFormat="1" ht="46.5" customHeight="1" x14ac:dyDescent="0.15">
      <c r="A22" s="47" t="s">
        <v>1231</v>
      </c>
      <c r="B22" s="48" t="str">
        <f>IFERROR(VLOOKUP($A22,削除禁止!$A$1:$J$42,2,0),"")</f>
        <v>訪問系</v>
      </c>
      <c r="C22" s="10">
        <v>1610100867</v>
      </c>
      <c r="D22" s="10"/>
      <c r="E22" s="10"/>
      <c r="F22" s="16" t="s">
        <v>328</v>
      </c>
      <c r="G22" s="10"/>
      <c r="H22" s="10" t="s">
        <v>258</v>
      </c>
      <c r="I22" s="51" t="s">
        <v>663</v>
      </c>
      <c r="J22" s="10" t="s">
        <v>296</v>
      </c>
      <c r="K22" s="10" t="s">
        <v>616</v>
      </c>
      <c r="L22" s="16" t="s">
        <v>482</v>
      </c>
      <c r="M22" s="26">
        <v>40118</v>
      </c>
      <c r="N22" s="26">
        <v>46691</v>
      </c>
      <c r="O22" s="48"/>
      <c r="P22" s="48"/>
      <c r="Q22" s="48"/>
      <c r="R22" s="49" t="s">
        <v>1764</v>
      </c>
      <c r="S22" s="49" t="s">
        <v>1816</v>
      </c>
    </row>
    <row r="23" spans="1:19" s="50" customFormat="1" ht="46.5" customHeight="1" x14ac:dyDescent="0.15">
      <c r="A23" s="47" t="s">
        <v>1231</v>
      </c>
      <c r="B23" s="48" t="str">
        <f>IFERROR(VLOOKUP($A23,削除禁止!$A$1:$J$42,2,0),"")</f>
        <v>訪問系</v>
      </c>
      <c r="C23" s="10">
        <v>1610100917</v>
      </c>
      <c r="D23" s="10"/>
      <c r="E23" s="10"/>
      <c r="F23" s="16" t="s">
        <v>158</v>
      </c>
      <c r="G23" s="10"/>
      <c r="H23" s="10" t="s">
        <v>223</v>
      </c>
      <c r="I23" s="16" t="s">
        <v>1666</v>
      </c>
      <c r="J23" s="10" t="s">
        <v>225</v>
      </c>
      <c r="K23" s="10" t="s">
        <v>226</v>
      </c>
      <c r="L23" s="16" t="s">
        <v>212</v>
      </c>
      <c r="M23" s="26">
        <v>40269</v>
      </c>
      <c r="N23" s="26">
        <v>46843</v>
      </c>
      <c r="O23" s="48"/>
      <c r="P23" s="48"/>
      <c r="Q23" s="48"/>
      <c r="R23" s="49" t="s">
        <v>1808</v>
      </c>
      <c r="S23" s="49" t="s">
        <v>1832</v>
      </c>
    </row>
    <row r="24" spans="1:19" s="50" customFormat="1" ht="46.5" customHeight="1" x14ac:dyDescent="0.15">
      <c r="A24" s="47" t="s">
        <v>1231</v>
      </c>
      <c r="B24" s="48" t="str">
        <f>IFERROR(VLOOKUP($A24,削除禁止!$A$1:$J$42,2,0),"")</f>
        <v>訪問系</v>
      </c>
      <c r="C24" s="10">
        <v>1610101006</v>
      </c>
      <c r="D24" s="10"/>
      <c r="E24" s="10"/>
      <c r="F24" s="16" t="s">
        <v>4</v>
      </c>
      <c r="G24" s="10"/>
      <c r="H24" s="10" t="s">
        <v>36</v>
      </c>
      <c r="I24" s="16" t="s">
        <v>1314</v>
      </c>
      <c r="J24" s="10" t="s">
        <v>48</v>
      </c>
      <c r="K24" s="10" t="s">
        <v>58</v>
      </c>
      <c r="L24" s="16" t="s">
        <v>31</v>
      </c>
      <c r="M24" s="26">
        <v>40422</v>
      </c>
      <c r="N24" s="26">
        <v>46996</v>
      </c>
      <c r="O24" s="48"/>
      <c r="P24" s="48"/>
      <c r="Q24" s="48"/>
      <c r="R24" s="49" t="s">
        <v>1764</v>
      </c>
      <c r="S24" s="49" t="s">
        <v>1816</v>
      </c>
    </row>
    <row r="25" spans="1:19" s="50" customFormat="1" ht="46.5" customHeight="1" x14ac:dyDescent="0.15">
      <c r="A25" s="47" t="s">
        <v>1231</v>
      </c>
      <c r="B25" s="48" t="str">
        <f>IFERROR(VLOOKUP($A25,削除禁止!$A$1:$J$42,2,0),"")</f>
        <v>訪問系</v>
      </c>
      <c r="C25" s="10">
        <v>1610101022</v>
      </c>
      <c r="D25" s="10"/>
      <c r="E25" s="10"/>
      <c r="F25" s="16" t="s">
        <v>633</v>
      </c>
      <c r="G25" s="10"/>
      <c r="H25" s="10" t="s">
        <v>236</v>
      </c>
      <c r="I25" s="16" t="s">
        <v>1316</v>
      </c>
      <c r="J25" s="10" t="s">
        <v>765</v>
      </c>
      <c r="K25" s="10" t="s">
        <v>632</v>
      </c>
      <c r="L25" s="16" t="s">
        <v>629</v>
      </c>
      <c r="M25" s="26">
        <v>40452</v>
      </c>
      <c r="N25" s="26">
        <v>47026</v>
      </c>
      <c r="O25" s="48"/>
      <c r="P25" s="48"/>
      <c r="Q25" s="48"/>
      <c r="R25" s="49" t="s">
        <v>1764</v>
      </c>
      <c r="S25" s="49" t="s">
        <v>562</v>
      </c>
    </row>
    <row r="26" spans="1:19" s="50" customFormat="1" ht="46.5" customHeight="1" x14ac:dyDescent="0.15">
      <c r="A26" s="47" t="s">
        <v>1231</v>
      </c>
      <c r="B26" s="48" t="str">
        <f>IFERROR(VLOOKUP($A26,削除禁止!$A$1:$J$42,2,0),"")</f>
        <v>訪問系</v>
      </c>
      <c r="C26" s="10">
        <v>1610101048</v>
      </c>
      <c r="D26" s="10"/>
      <c r="E26" s="10"/>
      <c r="F26" s="16" t="s">
        <v>255</v>
      </c>
      <c r="G26" s="10"/>
      <c r="H26" s="10" t="s">
        <v>794</v>
      </c>
      <c r="I26" s="16" t="s">
        <v>1612</v>
      </c>
      <c r="J26" s="10" t="s">
        <v>261</v>
      </c>
      <c r="K26" s="10" t="s">
        <v>261</v>
      </c>
      <c r="L26" s="16" t="s">
        <v>250</v>
      </c>
      <c r="M26" s="26">
        <v>40513</v>
      </c>
      <c r="N26" s="26">
        <v>47087</v>
      </c>
      <c r="O26" s="48"/>
      <c r="P26" s="48"/>
      <c r="Q26" s="48"/>
      <c r="R26" s="49" t="s">
        <v>1764</v>
      </c>
      <c r="S26" s="49" t="s">
        <v>1772</v>
      </c>
    </row>
    <row r="27" spans="1:19" s="50" customFormat="1" ht="46.5" customHeight="1" x14ac:dyDescent="0.15">
      <c r="A27" s="47" t="s">
        <v>1231</v>
      </c>
      <c r="B27" s="48" t="str">
        <f>IFERROR(VLOOKUP($A27,削除禁止!$A$1:$J$42,2,0),"")</f>
        <v>訪問系</v>
      </c>
      <c r="C27" s="10">
        <v>1610101063</v>
      </c>
      <c r="D27" s="10"/>
      <c r="E27" s="10"/>
      <c r="F27" s="16" t="s">
        <v>81</v>
      </c>
      <c r="G27" s="10"/>
      <c r="H27" s="10" t="s">
        <v>71</v>
      </c>
      <c r="I27" s="16" t="s">
        <v>25</v>
      </c>
      <c r="J27" s="10" t="s">
        <v>83</v>
      </c>
      <c r="K27" s="10" t="s">
        <v>72</v>
      </c>
      <c r="L27" s="16" t="s">
        <v>61</v>
      </c>
      <c r="M27" s="26">
        <v>40725</v>
      </c>
      <c r="N27" s="26">
        <v>47299</v>
      </c>
      <c r="O27" s="48"/>
      <c r="P27" s="48"/>
      <c r="Q27" s="48"/>
      <c r="R27" s="49" t="s">
        <v>1764</v>
      </c>
      <c r="S27" s="49" t="s">
        <v>1818</v>
      </c>
    </row>
    <row r="28" spans="1:19" s="50" customFormat="1" ht="46.5" customHeight="1" x14ac:dyDescent="0.15">
      <c r="A28" s="47" t="s">
        <v>1231</v>
      </c>
      <c r="B28" s="48" t="str">
        <f>IFERROR(VLOOKUP($A28,削除禁止!$A$1:$J$42,2,0),"")</f>
        <v>訪問系</v>
      </c>
      <c r="C28" s="10">
        <v>1610101139</v>
      </c>
      <c r="D28" s="10"/>
      <c r="E28" s="10"/>
      <c r="F28" s="16" t="s">
        <v>213</v>
      </c>
      <c r="G28" s="10"/>
      <c r="H28" s="10" t="s">
        <v>217</v>
      </c>
      <c r="I28" s="16" t="s">
        <v>1667</v>
      </c>
      <c r="J28" s="10" t="s">
        <v>219</v>
      </c>
      <c r="K28" s="10" t="s">
        <v>222</v>
      </c>
      <c r="L28" s="16" t="s">
        <v>212</v>
      </c>
      <c r="M28" s="26">
        <v>40848</v>
      </c>
      <c r="N28" s="26">
        <v>47422</v>
      </c>
      <c r="O28" s="48"/>
      <c r="P28" s="48"/>
      <c r="Q28" s="48"/>
      <c r="R28" s="49" t="s">
        <v>1764</v>
      </c>
      <c r="S28" s="49" t="s">
        <v>1794</v>
      </c>
    </row>
    <row r="29" spans="1:19" s="50" customFormat="1" ht="46.5" customHeight="1" x14ac:dyDescent="0.15">
      <c r="A29" s="47" t="s">
        <v>1231</v>
      </c>
      <c r="B29" s="48" t="str">
        <f>IFERROR(VLOOKUP($A29,削除禁止!$A$1:$J$42,2,0),"")</f>
        <v>訪問系</v>
      </c>
      <c r="C29" s="10">
        <v>1610101246</v>
      </c>
      <c r="D29" s="10"/>
      <c r="E29" s="10"/>
      <c r="F29" s="16" t="s">
        <v>1167</v>
      </c>
      <c r="G29" s="10"/>
      <c r="H29" s="10" t="s">
        <v>266</v>
      </c>
      <c r="I29" s="16" t="s">
        <v>1317</v>
      </c>
      <c r="J29" s="10" t="s">
        <v>432</v>
      </c>
      <c r="K29" s="10" t="s">
        <v>657</v>
      </c>
      <c r="L29" s="16" t="s">
        <v>1167</v>
      </c>
      <c r="M29" s="26">
        <v>41153</v>
      </c>
      <c r="N29" s="26">
        <v>45535</v>
      </c>
      <c r="O29" s="48"/>
      <c r="P29" s="48"/>
      <c r="Q29" s="48"/>
      <c r="R29" s="49" t="s">
        <v>1764</v>
      </c>
      <c r="S29" s="49" t="s">
        <v>1772</v>
      </c>
    </row>
    <row r="30" spans="1:19" s="50" customFormat="1" ht="46.5" customHeight="1" x14ac:dyDescent="0.15">
      <c r="A30" s="47" t="s">
        <v>1231</v>
      </c>
      <c r="B30" s="48" t="str">
        <f>IFERROR(VLOOKUP($A30,削除禁止!$A$1:$J$42,2,0),"")</f>
        <v>訪問系</v>
      </c>
      <c r="C30" s="10">
        <v>1610101386</v>
      </c>
      <c r="D30" s="10"/>
      <c r="E30" s="10"/>
      <c r="F30" s="16" t="s">
        <v>940</v>
      </c>
      <c r="G30" s="10"/>
      <c r="H30" s="10" t="s">
        <v>659</v>
      </c>
      <c r="I30" s="16" t="s">
        <v>1318</v>
      </c>
      <c r="J30" s="10" t="s">
        <v>849</v>
      </c>
      <c r="K30" s="10" t="s">
        <v>722</v>
      </c>
      <c r="L30" s="16" t="s">
        <v>921</v>
      </c>
      <c r="M30" s="26">
        <v>41670</v>
      </c>
      <c r="N30" s="26">
        <v>46053</v>
      </c>
      <c r="O30" s="48"/>
      <c r="P30" s="48"/>
      <c r="Q30" s="48"/>
      <c r="R30" s="49" t="s">
        <v>1764</v>
      </c>
      <c r="S30" s="49" t="s">
        <v>1819</v>
      </c>
    </row>
    <row r="31" spans="1:19" s="50" customFormat="1" ht="46.5" customHeight="1" x14ac:dyDescent="0.15">
      <c r="A31" s="47" t="s">
        <v>1231</v>
      </c>
      <c r="B31" s="48" t="str">
        <f>IFERROR(VLOOKUP($A31,削除禁止!$A$1:$J$42,2,0),"")</f>
        <v>訪問系</v>
      </c>
      <c r="C31" s="10">
        <v>1610101477</v>
      </c>
      <c r="D31" s="10"/>
      <c r="E31" s="10"/>
      <c r="F31" s="16" t="s">
        <v>1884</v>
      </c>
      <c r="G31" s="10"/>
      <c r="H31" s="10" t="s">
        <v>1561</v>
      </c>
      <c r="I31" s="16" t="s">
        <v>1632</v>
      </c>
      <c r="J31" s="10" t="s">
        <v>1533</v>
      </c>
      <c r="K31" s="10" t="s">
        <v>1773</v>
      </c>
      <c r="L31" s="16" t="s">
        <v>1161</v>
      </c>
      <c r="M31" s="26">
        <v>41791</v>
      </c>
      <c r="N31" s="26">
        <v>46173</v>
      </c>
      <c r="O31" s="48"/>
      <c r="P31" s="48"/>
      <c r="Q31" s="48"/>
      <c r="R31" s="49" t="s">
        <v>1764</v>
      </c>
      <c r="S31" s="49" t="s">
        <v>1818</v>
      </c>
    </row>
    <row r="32" spans="1:19" s="50" customFormat="1" ht="46.5" customHeight="1" x14ac:dyDescent="0.15">
      <c r="A32" s="47" t="s">
        <v>1231</v>
      </c>
      <c r="B32" s="48" t="str">
        <f>IFERROR(VLOOKUP($A32,削除禁止!$A$1:$J$42,2,0),"")</f>
        <v>訪問系</v>
      </c>
      <c r="C32" s="10">
        <v>1610101519</v>
      </c>
      <c r="D32" s="10"/>
      <c r="E32" s="10"/>
      <c r="F32" s="16" t="s">
        <v>378</v>
      </c>
      <c r="G32" s="10"/>
      <c r="H32" s="10" t="s">
        <v>575</v>
      </c>
      <c r="I32" s="16" t="s">
        <v>888</v>
      </c>
      <c r="J32" s="10" t="s">
        <v>318</v>
      </c>
      <c r="K32" s="10" t="s">
        <v>179</v>
      </c>
      <c r="L32" s="16" t="s">
        <v>1104</v>
      </c>
      <c r="M32" s="26">
        <v>41852</v>
      </c>
      <c r="N32" s="26">
        <v>46234</v>
      </c>
      <c r="O32" s="48"/>
      <c r="P32" s="48"/>
      <c r="Q32" s="48"/>
      <c r="R32" s="49" t="s">
        <v>1808</v>
      </c>
      <c r="S32" s="49" t="s">
        <v>1832</v>
      </c>
    </row>
    <row r="33" spans="1:19" s="50" customFormat="1" ht="46.5" customHeight="1" x14ac:dyDescent="0.15">
      <c r="A33" s="47" t="s">
        <v>1231</v>
      </c>
      <c r="B33" s="48" t="str">
        <f>IFERROR(VLOOKUP($A33,削除禁止!$A$1:$J$42,2,0),"")</f>
        <v>訪問系</v>
      </c>
      <c r="C33" s="10">
        <v>1610101667</v>
      </c>
      <c r="D33" s="10"/>
      <c r="E33" s="10"/>
      <c r="F33" s="16" t="s">
        <v>560</v>
      </c>
      <c r="G33" s="10"/>
      <c r="H33" s="10" t="s">
        <v>454</v>
      </c>
      <c r="I33" s="16" t="s">
        <v>920</v>
      </c>
      <c r="J33" s="10" t="s">
        <v>752</v>
      </c>
      <c r="K33" s="10" t="s">
        <v>781</v>
      </c>
      <c r="L33" s="16" t="s">
        <v>1126</v>
      </c>
      <c r="M33" s="26">
        <v>42095</v>
      </c>
      <c r="N33" s="26">
        <v>46477</v>
      </c>
      <c r="O33" s="48"/>
      <c r="P33" s="48"/>
      <c r="Q33" s="48"/>
      <c r="R33" s="49" t="s">
        <v>1764</v>
      </c>
      <c r="S33" s="49" t="s">
        <v>1784</v>
      </c>
    </row>
    <row r="34" spans="1:19" s="50" customFormat="1" ht="46.5" customHeight="1" x14ac:dyDescent="0.15">
      <c r="A34" s="47" t="s">
        <v>1231</v>
      </c>
      <c r="B34" s="48" t="str">
        <f>IFERROR(VLOOKUP($A34,削除禁止!$A$1:$J$42,2,0),"")</f>
        <v>訪問系</v>
      </c>
      <c r="C34" s="10">
        <v>1610101675</v>
      </c>
      <c r="D34" s="10"/>
      <c r="E34" s="10"/>
      <c r="F34" s="16" t="s">
        <v>1195</v>
      </c>
      <c r="G34" s="10"/>
      <c r="H34" s="10" t="s">
        <v>123</v>
      </c>
      <c r="I34" s="16" t="s">
        <v>664</v>
      </c>
      <c r="J34" s="10" t="s">
        <v>30</v>
      </c>
      <c r="K34" s="10" t="s">
        <v>30</v>
      </c>
      <c r="L34" s="16" t="s">
        <v>909</v>
      </c>
      <c r="M34" s="26">
        <v>42095</v>
      </c>
      <c r="N34" s="26">
        <v>46477</v>
      </c>
      <c r="O34" s="48"/>
      <c r="P34" s="48"/>
      <c r="Q34" s="48"/>
      <c r="R34" s="49" t="s">
        <v>1764</v>
      </c>
      <c r="S34" s="49" t="s">
        <v>1819</v>
      </c>
    </row>
    <row r="35" spans="1:19" s="50" customFormat="1" ht="46.5" customHeight="1" x14ac:dyDescent="0.15">
      <c r="A35" s="47" t="s">
        <v>1231</v>
      </c>
      <c r="B35" s="48" t="str">
        <f>IFERROR(VLOOKUP($A35,削除禁止!$A$1:$J$42,2,0),"")</f>
        <v>訪問系</v>
      </c>
      <c r="C35" s="10">
        <v>1610101741</v>
      </c>
      <c r="D35" s="10"/>
      <c r="E35" s="10"/>
      <c r="F35" s="16" t="s">
        <v>543</v>
      </c>
      <c r="G35" s="10"/>
      <c r="H35" s="10" t="s">
        <v>286</v>
      </c>
      <c r="I35" s="16" t="s">
        <v>399</v>
      </c>
      <c r="J35" s="10" t="s">
        <v>744</v>
      </c>
      <c r="K35" s="10" t="s">
        <v>608</v>
      </c>
      <c r="L35" s="16" t="s">
        <v>1132</v>
      </c>
      <c r="M35" s="26">
        <v>42309</v>
      </c>
      <c r="N35" s="26">
        <v>46691</v>
      </c>
      <c r="O35" s="48"/>
      <c r="P35" s="48"/>
      <c r="Q35" s="48"/>
      <c r="R35" s="49" t="s">
        <v>1764</v>
      </c>
      <c r="S35" s="49" t="s">
        <v>1822</v>
      </c>
    </row>
    <row r="36" spans="1:19" s="50" customFormat="1" ht="46.5" customHeight="1" x14ac:dyDescent="0.15">
      <c r="A36" s="47" t="s">
        <v>1231</v>
      </c>
      <c r="B36" s="48" t="str">
        <f>IFERROR(VLOOKUP($A36,削除禁止!$A$1:$J$42,2,0),"")</f>
        <v>訪問系</v>
      </c>
      <c r="C36" s="10">
        <v>1610101766</v>
      </c>
      <c r="D36" s="10"/>
      <c r="E36" s="10"/>
      <c r="F36" s="16" t="s">
        <v>1723</v>
      </c>
      <c r="G36" s="10"/>
      <c r="H36" s="10" t="s">
        <v>766</v>
      </c>
      <c r="I36" s="16" t="s">
        <v>677</v>
      </c>
      <c r="J36" s="10" t="s">
        <v>768</v>
      </c>
      <c r="K36" s="10" t="s">
        <v>771</v>
      </c>
      <c r="L36" s="52" t="s">
        <v>1642</v>
      </c>
      <c r="M36" s="26">
        <v>42339</v>
      </c>
      <c r="N36" s="26">
        <v>46721</v>
      </c>
      <c r="O36" s="48"/>
      <c r="P36" s="48"/>
      <c r="Q36" s="48"/>
      <c r="R36" s="49" t="s">
        <v>1764</v>
      </c>
      <c r="S36" s="49" t="s">
        <v>1825</v>
      </c>
    </row>
    <row r="37" spans="1:19" s="50" customFormat="1" ht="46.5" customHeight="1" x14ac:dyDescent="0.15">
      <c r="A37" s="47" t="s">
        <v>1231</v>
      </c>
      <c r="B37" s="48" t="str">
        <f>IFERROR(VLOOKUP($A37,削除禁止!$A$1:$J$42,2,0),"")</f>
        <v>訪問系</v>
      </c>
      <c r="C37" s="10">
        <v>1610101824</v>
      </c>
      <c r="D37" s="10"/>
      <c r="E37" s="10"/>
      <c r="F37" s="16" t="s">
        <v>1178</v>
      </c>
      <c r="G37" s="10"/>
      <c r="H37" s="10" t="s">
        <v>783</v>
      </c>
      <c r="I37" s="16" t="s">
        <v>1134</v>
      </c>
      <c r="J37" s="10" t="s">
        <v>196</v>
      </c>
      <c r="K37" s="10" t="s">
        <v>373</v>
      </c>
      <c r="L37" s="16" t="s">
        <v>841</v>
      </c>
      <c r="M37" s="26">
        <v>42614</v>
      </c>
      <c r="N37" s="26">
        <v>46996</v>
      </c>
      <c r="O37" s="48"/>
      <c r="P37" s="48"/>
      <c r="Q37" s="48"/>
      <c r="R37" s="49" t="s">
        <v>1764</v>
      </c>
      <c r="S37" s="49" t="s">
        <v>1827</v>
      </c>
    </row>
    <row r="38" spans="1:19" s="50" customFormat="1" ht="46.5" customHeight="1" x14ac:dyDescent="0.15">
      <c r="A38" s="47" t="s">
        <v>1231</v>
      </c>
      <c r="B38" s="48" t="str">
        <f>IFERROR(VLOOKUP($A38,削除禁止!$A$1:$J$42,2,0),"")</f>
        <v>訪問系</v>
      </c>
      <c r="C38" s="10">
        <v>1610101915</v>
      </c>
      <c r="D38" s="10"/>
      <c r="E38" s="10"/>
      <c r="F38" s="16" t="s">
        <v>142</v>
      </c>
      <c r="G38" s="10"/>
      <c r="H38" s="10" t="s">
        <v>1762</v>
      </c>
      <c r="I38" s="16" t="s">
        <v>1098</v>
      </c>
      <c r="J38" s="10" t="s">
        <v>111</v>
      </c>
      <c r="K38" s="10" t="s">
        <v>787</v>
      </c>
      <c r="L38" s="16" t="s">
        <v>1140</v>
      </c>
      <c r="M38" s="26">
        <v>42826</v>
      </c>
      <c r="N38" s="26">
        <v>47208</v>
      </c>
      <c r="O38" s="48"/>
      <c r="P38" s="48"/>
      <c r="Q38" s="48"/>
      <c r="R38" s="49" t="s">
        <v>1764</v>
      </c>
      <c r="S38" s="49" t="s">
        <v>1772</v>
      </c>
    </row>
    <row r="39" spans="1:19" s="50" customFormat="1" ht="46.5" customHeight="1" x14ac:dyDescent="0.15">
      <c r="A39" s="47" t="s">
        <v>1231</v>
      </c>
      <c r="B39" s="48" t="str">
        <f>IFERROR(VLOOKUP($A39,削除禁止!$A$1:$J$42,2,0),"")</f>
        <v>訪問系</v>
      </c>
      <c r="C39" s="10">
        <v>1610102004</v>
      </c>
      <c r="D39" s="10"/>
      <c r="E39" s="10" t="s">
        <v>651</v>
      </c>
      <c r="F39" s="16" t="s">
        <v>1201</v>
      </c>
      <c r="G39" s="10"/>
      <c r="H39" s="10" t="s">
        <v>173</v>
      </c>
      <c r="I39" s="16" t="s">
        <v>1157</v>
      </c>
      <c r="J39" s="10" t="s">
        <v>729</v>
      </c>
      <c r="K39" s="10" t="s">
        <v>221</v>
      </c>
      <c r="L39" s="16" t="s">
        <v>194</v>
      </c>
      <c r="M39" s="26">
        <v>43191</v>
      </c>
      <c r="N39" s="26">
        <v>47573</v>
      </c>
      <c r="O39" s="48"/>
      <c r="P39" s="48"/>
      <c r="Q39" s="48"/>
      <c r="R39" s="49" t="s">
        <v>1764</v>
      </c>
      <c r="S39" s="49" t="s">
        <v>1525</v>
      </c>
    </row>
    <row r="40" spans="1:19" s="50" customFormat="1" ht="46.5" customHeight="1" x14ac:dyDescent="0.15">
      <c r="A40" s="47" t="s">
        <v>1231</v>
      </c>
      <c r="B40" s="48" t="str">
        <f>IFERROR(VLOOKUP($A40,削除禁止!$A$1:$J$42,2,0),"")</f>
        <v>訪問系</v>
      </c>
      <c r="C40" s="10">
        <v>1610102368</v>
      </c>
      <c r="D40" s="10"/>
      <c r="E40" s="10"/>
      <c r="F40" s="16" t="s">
        <v>1010</v>
      </c>
      <c r="G40" s="10"/>
      <c r="H40" s="10" t="s">
        <v>189</v>
      </c>
      <c r="I40" s="16" t="s">
        <v>1320</v>
      </c>
      <c r="J40" s="10" t="s">
        <v>852</v>
      </c>
      <c r="K40" s="10" t="s">
        <v>755</v>
      </c>
      <c r="L40" s="16" t="s">
        <v>351</v>
      </c>
      <c r="M40" s="26">
        <v>43525</v>
      </c>
      <c r="N40" s="26">
        <v>45716</v>
      </c>
      <c r="O40" s="48"/>
      <c r="P40" s="48"/>
      <c r="Q40" s="48"/>
      <c r="R40" s="49" t="s">
        <v>1764</v>
      </c>
      <c r="S40" s="49" t="s">
        <v>1822</v>
      </c>
    </row>
    <row r="41" spans="1:19" s="50" customFormat="1" ht="46.5" customHeight="1" x14ac:dyDescent="0.15">
      <c r="A41" s="47" t="s">
        <v>1231</v>
      </c>
      <c r="B41" s="48" t="str">
        <f>IFERROR(VLOOKUP($A41,削除禁止!$A$1:$J$42,2,0),"")</f>
        <v>訪問系</v>
      </c>
      <c r="C41" s="10">
        <v>1610102400</v>
      </c>
      <c r="D41" s="10"/>
      <c r="E41" s="10"/>
      <c r="F41" s="16" t="s">
        <v>772</v>
      </c>
      <c r="G41" s="10"/>
      <c r="H41" s="10" t="s">
        <v>1853</v>
      </c>
      <c r="I41" s="16" t="s">
        <v>1321</v>
      </c>
      <c r="J41" s="10" t="s">
        <v>875</v>
      </c>
      <c r="K41" s="10" t="s">
        <v>878</v>
      </c>
      <c r="L41" s="16" t="s">
        <v>1343</v>
      </c>
      <c r="M41" s="26">
        <v>43678</v>
      </c>
      <c r="N41" s="26">
        <v>45869</v>
      </c>
      <c r="O41" s="48"/>
      <c r="P41" s="48"/>
      <c r="Q41" s="48"/>
      <c r="R41" s="49" t="s">
        <v>1786</v>
      </c>
      <c r="S41" s="49" t="s">
        <v>1770</v>
      </c>
    </row>
    <row r="42" spans="1:19" s="50" customFormat="1" ht="46.5" customHeight="1" x14ac:dyDescent="0.15">
      <c r="A42" s="47" t="s">
        <v>1231</v>
      </c>
      <c r="B42" s="48" t="str">
        <f>IFERROR(VLOOKUP($A42,削除禁止!$A$1:$J$42,2,0),"")</f>
        <v>訪問系</v>
      </c>
      <c r="C42" s="10">
        <v>1610102590</v>
      </c>
      <c r="D42" s="10"/>
      <c r="E42" s="10"/>
      <c r="F42" s="16" t="s">
        <v>1220</v>
      </c>
      <c r="G42" s="10"/>
      <c r="H42" s="10" t="s">
        <v>1438</v>
      </c>
      <c r="I42" s="16" t="s">
        <v>1055</v>
      </c>
      <c r="J42" s="10" t="s">
        <v>1050</v>
      </c>
      <c r="K42" s="10" t="s">
        <v>1074</v>
      </c>
      <c r="L42" s="16" t="s">
        <v>1401</v>
      </c>
      <c r="M42" s="26">
        <v>44228</v>
      </c>
      <c r="N42" s="26">
        <v>46418</v>
      </c>
      <c r="O42" s="48"/>
      <c r="P42" s="48"/>
      <c r="Q42" s="48"/>
      <c r="R42" s="49" t="s">
        <v>1764</v>
      </c>
      <c r="S42" s="49" t="s">
        <v>1527</v>
      </c>
    </row>
    <row r="43" spans="1:19" s="50" customFormat="1" ht="46.5" customHeight="1" x14ac:dyDescent="0.15">
      <c r="A43" s="47" t="s">
        <v>1231</v>
      </c>
      <c r="B43" s="48" t="str">
        <f>IFERROR(VLOOKUP($A43,削除禁止!$A$1:$J$42,2,0),"")</f>
        <v>訪問系</v>
      </c>
      <c r="C43" s="10">
        <v>1610102707</v>
      </c>
      <c r="D43" s="10"/>
      <c r="E43" s="10"/>
      <c r="F43" s="16" t="s">
        <v>1724</v>
      </c>
      <c r="G43" s="10"/>
      <c r="H43" s="10" t="s">
        <v>1468</v>
      </c>
      <c r="I43" s="16" t="s">
        <v>1668</v>
      </c>
      <c r="J43" s="10" t="s">
        <v>1470</v>
      </c>
      <c r="K43" s="10" t="s">
        <v>1458</v>
      </c>
      <c r="L43" s="16" t="s">
        <v>963</v>
      </c>
      <c r="M43" s="26">
        <v>44501</v>
      </c>
      <c r="N43" s="26">
        <v>46691</v>
      </c>
      <c r="O43" s="48"/>
      <c r="P43" s="48"/>
      <c r="Q43" s="48"/>
      <c r="R43" s="49" t="s">
        <v>1764</v>
      </c>
      <c r="S43" s="49" t="s">
        <v>1624</v>
      </c>
    </row>
    <row r="44" spans="1:19" s="50" customFormat="1" ht="46.5" customHeight="1" x14ac:dyDescent="0.15">
      <c r="A44" s="47" t="s">
        <v>1231</v>
      </c>
      <c r="B44" s="48" t="str">
        <f>IFERROR(VLOOKUP($A44,削除禁止!$A$1:$J$42,2,0),"")</f>
        <v>訪問系</v>
      </c>
      <c r="C44" s="10">
        <v>1610102749</v>
      </c>
      <c r="D44" s="10"/>
      <c r="E44" s="10"/>
      <c r="F44" s="16" t="s">
        <v>1725</v>
      </c>
      <c r="G44" s="10"/>
      <c r="H44" s="10" t="s">
        <v>3</v>
      </c>
      <c r="I44" s="16" t="s">
        <v>1305</v>
      </c>
      <c r="J44" s="10" t="s">
        <v>952</v>
      </c>
      <c r="K44" s="10" t="s">
        <v>413</v>
      </c>
      <c r="L44" s="16" t="s">
        <v>1198</v>
      </c>
      <c r="M44" s="26">
        <v>44593</v>
      </c>
      <c r="N44" s="26">
        <v>46783</v>
      </c>
      <c r="O44" s="48"/>
      <c r="P44" s="48"/>
      <c r="Q44" s="48"/>
      <c r="R44" s="49" t="s">
        <v>1764</v>
      </c>
      <c r="S44" s="49" t="s">
        <v>1525</v>
      </c>
    </row>
    <row r="45" spans="1:19" s="50" customFormat="1" ht="46.5" customHeight="1" x14ac:dyDescent="0.15">
      <c r="A45" s="47" t="s">
        <v>1231</v>
      </c>
      <c r="B45" s="48" t="str">
        <f>IFERROR(VLOOKUP($A45,削除禁止!$A$1:$J$42,2,0),"")</f>
        <v>訪問系</v>
      </c>
      <c r="C45" s="10">
        <v>1610102814</v>
      </c>
      <c r="D45" s="10"/>
      <c r="E45" s="10"/>
      <c r="F45" s="16" t="s">
        <v>1530</v>
      </c>
      <c r="G45" s="10"/>
      <c r="H45" s="10" t="s">
        <v>1548</v>
      </c>
      <c r="I45" s="16" t="s">
        <v>1552</v>
      </c>
      <c r="J45" s="10" t="s">
        <v>1550</v>
      </c>
      <c r="K45" s="10" t="s">
        <v>1125</v>
      </c>
      <c r="L45" s="16" t="s">
        <v>1649</v>
      </c>
      <c r="M45" s="26">
        <v>44713</v>
      </c>
      <c r="N45" s="26">
        <v>46904</v>
      </c>
      <c r="O45" s="48"/>
      <c r="P45" s="48"/>
      <c r="Q45" s="48"/>
      <c r="R45" s="49" t="s">
        <v>1764</v>
      </c>
      <c r="S45" s="49" t="s">
        <v>1784</v>
      </c>
    </row>
    <row r="46" spans="1:19" s="50" customFormat="1" ht="46.5" customHeight="1" x14ac:dyDescent="0.15">
      <c r="A46" s="47" t="s">
        <v>1231</v>
      </c>
      <c r="B46" s="48" t="str">
        <f>IFERROR(VLOOKUP($A46,削除禁止!$A$1:$J$42,2,0),"")</f>
        <v>訪問系</v>
      </c>
      <c r="C46" s="10">
        <v>1610101881</v>
      </c>
      <c r="D46" s="10"/>
      <c r="E46" s="10"/>
      <c r="F46" s="16" t="s">
        <v>344</v>
      </c>
      <c r="G46" s="10"/>
      <c r="H46" s="10" t="s">
        <v>381</v>
      </c>
      <c r="I46" s="16" t="s">
        <v>1155</v>
      </c>
      <c r="J46" s="10" t="s">
        <v>350</v>
      </c>
      <c r="K46" s="10" t="s">
        <v>32</v>
      </c>
      <c r="L46" s="16" t="s">
        <v>1156</v>
      </c>
      <c r="M46" s="26">
        <v>44986</v>
      </c>
      <c r="N46" s="26">
        <v>47177</v>
      </c>
      <c r="O46" s="48"/>
      <c r="P46" s="48"/>
      <c r="Q46" s="48"/>
      <c r="R46" s="49" t="s">
        <v>1764</v>
      </c>
      <c r="S46" s="49" t="s">
        <v>1817</v>
      </c>
    </row>
    <row r="47" spans="1:19" s="50" customFormat="1" ht="46.5" customHeight="1" x14ac:dyDescent="0.15">
      <c r="A47" s="47" t="s">
        <v>1231</v>
      </c>
      <c r="B47" s="48" t="str">
        <f>IFERROR(VLOOKUP($A47,削除禁止!$A$1:$J$42,2,0),"")</f>
        <v>訪問系</v>
      </c>
      <c r="C47" s="10">
        <v>1610102939</v>
      </c>
      <c r="D47" s="10"/>
      <c r="E47" s="10"/>
      <c r="F47" s="16" t="s">
        <v>1777</v>
      </c>
      <c r="G47" s="10"/>
      <c r="H47" s="10" t="s">
        <v>1858</v>
      </c>
      <c r="I47" s="16" t="s">
        <v>1856</v>
      </c>
      <c r="J47" s="10" t="s">
        <v>1857</v>
      </c>
      <c r="K47" s="10" t="s">
        <v>1601</v>
      </c>
      <c r="L47" s="16" t="s">
        <v>1268</v>
      </c>
      <c r="M47" s="26">
        <v>45047</v>
      </c>
      <c r="N47" s="26">
        <v>47238</v>
      </c>
      <c r="O47" s="48"/>
      <c r="P47" s="48"/>
      <c r="Q47" s="48"/>
      <c r="R47" s="49" t="s">
        <v>1008</v>
      </c>
      <c r="S47" s="49" t="s">
        <v>1835</v>
      </c>
    </row>
    <row r="48" spans="1:19" s="50" customFormat="1" ht="46.5" customHeight="1" x14ac:dyDescent="0.15">
      <c r="A48" s="47" t="s">
        <v>1231</v>
      </c>
      <c r="B48" s="48" t="str">
        <f>IFERROR(VLOOKUP($A48,削除禁止!$A$1:$J$42,2,0),"")</f>
        <v>訪問系</v>
      </c>
      <c r="C48" s="10">
        <v>1610102996</v>
      </c>
      <c r="D48" s="10"/>
      <c r="E48" s="10"/>
      <c r="F48" s="16" t="s">
        <v>1905</v>
      </c>
      <c r="G48" s="10"/>
      <c r="H48" s="10" t="s">
        <v>1906</v>
      </c>
      <c r="I48" s="16" t="s">
        <v>1907</v>
      </c>
      <c r="J48" s="10" t="s">
        <v>1020</v>
      </c>
      <c r="K48" s="10" t="s">
        <v>1908</v>
      </c>
      <c r="L48" s="16" t="s">
        <v>28</v>
      </c>
      <c r="M48" s="26">
        <v>45352</v>
      </c>
      <c r="N48" s="26">
        <v>47542</v>
      </c>
      <c r="O48" s="48"/>
      <c r="P48" s="48"/>
      <c r="Q48" s="48"/>
      <c r="R48" s="49" t="s">
        <v>1764</v>
      </c>
      <c r="S48" s="49" t="s">
        <v>1775</v>
      </c>
    </row>
    <row r="49" spans="1:19" s="50" customFormat="1" ht="46.5" customHeight="1" x14ac:dyDescent="0.15">
      <c r="A49" s="47" t="s">
        <v>440</v>
      </c>
      <c r="B49" s="48" t="str">
        <f>IFERROR(VLOOKUP($A49,削除禁止!$A$1:$J$42,2,0),"")</f>
        <v>訪問系</v>
      </c>
      <c r="C49" s="10">
        <v>1610102418</v>
      </c>
      <c r="D49" s="10"/>
      <c r="E49" s="10"/>
      <c r="F49" s="16" t="s">
        <v>662</v>
      </c>
      <c r="G49" s="10"/>
      <c r="H49" s="10" t="s">
        <v>367</v>
      </c>
      <c r="I49" s="16" t="s">
        <v>1322</v>
      </c>
      <c r="J49" s="10" t="s">
        <v>245</v>
      </c>
      <c r="K49" s="10" t="s">
        <v>64</v>
      </c>
      <c r="L49" s="16" t="s">
        <v>212</v>
      </c>
      <c r="M49" s="26">
        <v>43739</v>
      </c>
      <c r="N49" s="26">
        <v>45869</v>
      </c>
      <c r="O49" s="48"/>
      <c r="P49" s="48"/>
      <c r="Q49" s="48"/>
      <c r="R49" s="49" t="s">
        <v>1764</v>
      </c>
      <c r="S49" s="49" t="s">
        <v>1525</v>
      </c>
    </row>
    <row r="50" spans="1:19" s="50" customFormat="1" ht="46.5" customHeight="1" x14ac:dyDescent="0.15">
      <c r="A50" s="47" t="s">
        <v>440</v>
      </c>
      <c r="B50" s="48" t="str">
        <f>IFERROR(VLOOKUP($A50,削除禁止!$A$1:$J$42,2,0),"")</f>
        <v>訪問系</v>
      </c>
      <c r="C50" s="10">
        <v>1610102434</v>
      </c>
      <c r="D50" s="10"/>
      <c r="E50" s="10"/>
      <c r="F50" s="16" t="s">
        <v>468</v>
      </c>
      <c r="G50" s="10"/>
      <c r="H50" s="10" t="s">
        <v>53</v>
      </c>
      <c r="I50" s="16" t="s">
        <v>1323</v>
      </c>
      <c r="J50" s="10" t="s">
        <v>416</v>
      </c>
      <c r="K50" s="10" t="s">
        <v>204</v>
      </c>
      <c r="L50" s="16" t="s">
        <v>212</v>
      </c>
      <c r="M50" s="26">
        <v>43770</v>
      </c>
      <c r="N50" s="26">
        <v>45961</v>
      </c>
      <c r="O50" s="48"/>
      <c r="P50" s="48"/>
      <c r="Q50" s="48"/>
      <c r="R50" s="49" t="s">
        <v>1764</v>
      </c>
      <c r="S50" s="49" t="s">
        <v>1704</v>
      </c>
    </row>
    <row r="51" spans="1:19" s="50" customFormat="1" ht="46.5" customHeight="1" x14ac:dyDescent="0.15">
      <c r="A51" s="47" t="s">
        <v>440</v>
      </c>
      <c r="B51" s="48" t="str">
        <f>IFERROR(VLOOKUP($A51,削除禁止!$A$1:$J$42,2,0),"")</f>
        <v>訪問系</v>
      </c>
      <c r="C51" s="10">
        <v>1610102483</v>
      </c>
      <c r="D51" s="10"/>
      <c r="E51" s="10"/>
      <c r="F51" s="16" t="s">
        <v>806</v>
      </c>
      <c r="G51" s="10"/>
      <c r="H51" s="10" t="s">
        <v>251</v>
      </c>
      <c r="I51" s="16" t="s">
        <v>1160</v>
      </c>
      <c r="J51" s="10" t="s">
        <v>892</v>
      </c>
      <c r="K51" s="10" t="s">
        <v>818</v>
      </c>
      <c r="L51" s="16" t="s">
        <v>335</v>
      </c>
      <c r="M51" s="26">
        <v>43862</v>
      </c>
      <c r="N51" s="26">
        <v>46053</v>
      </c>
      <c r="O51" s="48"/>
      <c r="P51" s="48"/>
      <c r="Q51" s="48"/>
      <c r="R51" s="49" t="s">
        <v>1764</v>
      </c>
      <c r="S51" s="49" t="s">
        <v>359</v>
      </c>
    </row>
    <row r="52" spans="1:19" s="50" customFormat="1" ht="46.5" customHeight="1" x14ac:dyDescent="0.15">
      <c r="A52" s="47" t="s">
        <v>440</v>
      </c>
      <c r="B52" s="48" t="str">
        <f>IFERROR(VLOOKUP($A52,削除禁止!$A$1:$J$42,2,0),"")</f>
        <v>訪問系</v>
      </c>
      <c r="C52" s="10">
        <v>1610102491</v>
      </c>
      <c r="D52" s="10"/>
      <c r="E52" s="10"/>
      <c r="F52" s="16" t="s">
        <v>977</v>
      </c>
      <c r="G52" s="10"/>
      <c r="H52" s="10" t="s">
        <v>368</v>
      </c>
      <c r="I52" s="16" t="s">
        <v>1325</v>
      </c>
      <c r="J52" s="10" t="s">
        <v>895</v>
      </c>
      <c r="K52" s="10" t="s">
        <v>838</v>
      </c>
      <c r="L52" s="16" t="s">
        <v>335</v>
      </c>
      <c r="M52" s="26">
        <v>43862</v>
      </c>
      <c r="N52" s="26">
        <v>46053</v>
      </c>
      <c r="O52" s="48"/>
      <c r="P52" s="48"/>
      <c r="Q52" s="48"/>
      <c r="R52" s="49" t="s">
        <v>1764</v>
      </c>
      <c r="S52" s="49" t="s">
        <v>359</v>
      </c>
    </row>
    <row r="53" spans="1:19" s="50" customFormat="1" ht="46.5" customHeight="1" x14ac:dyDescent="0.15">
      <c r="A53" s="47" t="s">
        <v>440</v>
      </c>
      <c r="B53" s="48" t="str">
        <f>IFERROR(VLOOKUP($A53,削除禁止!$A$1:$J$42,2,0),"")</f>
        <v>訪問系</v>
      </c>
      <c r="C53" s="10">
        <v>1610102566</v>
      </c>
      <c r="D53" s="10"/>
      <c r="E53" s="10"/>
      <c r="F53" s="16" t="s">
        <v>770</v>
      </c>
      <c r="G53" s="10"/>
      <c r="H53" s="10" t="s">
        <v>923</v>
      </c>
      <c r="I53" s="16" t="s">
        <v>1669</v>
      </c>
      <c r="J53" s="10" t="s">
        <v>361</v>
      </c>
      <c r="K53" s="10" t="s">
        <v>338</v>
      </c>
      <c r="L53" s="16" t="s">
        <v>212</v>
      </c>
      <c r="M53" s="26">
        <v>44075</v>
      </c>
      <c r="N53" s="26">
        <v>46265</v>
      </c>
      <c r="O53" s="48"/>
      <c r="P53" s="48"/>
      <c r="Q53" s="48"/>
      <c r="R53" s="49" t="s">
        <v>1764</v>
      </c>
      <c r="S53" s="49" t="s">
        <v>1640</v>
      </c>
    </row>
    <row r="54" spans="1:19" s="50" customFormat="1" ht="46.5" customHeight="1" x14ac:dyDescent="0.15">
      <c r="A54" s="47" t="s">
        <v>440</v>
      </c>
      <c r="B54" s="48" t="s">
        <v>1514</v>
      </c>
      <c r="C54" s="10">
        <v>1610102871</v>
      </c>
      <c r="D54" s="10"/>
      <c r="E54" s="10"/>
      <c r="F54" s="16" t="s">
        <v>1726</v>
      </c>
      <c r="G54" s="10"/>
      <c r="H54" s="10" t="s">
        <v>448</v>
      </c>
      <c r="I54" s="16" t="s">
        <v>1671</v>
      </c>
      <c r="J54" s="10" t="s">
        <v>1569</v>
      </c>
      <c r="K54" s="10" t="s">
        <v>1118</v>
      </c>
      <c r="L54" s="16" t="s">
        <v>335</v>
      </c>
      <c r="M54" s="26">
        <v>44835</v>
      </c>
      <c r="N54" s="26">
        <v>47026</v>
      </c>
      <c r="O54" s="48"/>
      <c r="P54" s="48"/>
      <c r="Q54" s="48"/>
      <c r="R54" s="49" t="s">
        <v>1764</v>
      </c>
      <c r="S54" s="49" t="s">
        <v>1822</v>
      </c>
    </row>
    <row r="55" spans="1:19" s="50" customFormat="1" ht="46.5" customHeight="1" x14ac:dyDescent="0.15">
      <c r="A55" s="47" t="s">
        <v>1456</v>
      </c>
      <c r="B55" s="48" t="str">
        <f>IFERROR(VLOOKUP($A55,削除禁止!$A$1:$J$42,2,0),"")</f>
        <v>訪問系</v>
      </c>
      <c r="C55" s="10">
        <v>1610100263</v>
      </c>
      <c r="D55" s="10"/>
      <c r="E55" s="10"/>
      <c r="F55" s="16" t="s">
        <v>602</v>
      </c>
      <c r="G55" s="10"/>
      <c r="H55" s="11" t="s">
        <v>53</v>
      </c>
      <c r="I55" s="16" t="s">
        <v>1841</v>
      </c>
      <c r="J55" s="10" t="s">
        <v>968</v>
      </c>
      <c r="K55" s="10" t="s">
        <v>968</v>
      </c>
      <c r="L55" s="16" t="s">
        <v>602</v>
      </c>
      <c r="M55" s="26">
        <v>40817</v>
      </c>
      <c r="N55" s="26">
        <v>47391</v>
      </c>
      <c r="O55" s="48"/>
      <c r="P55" s="48"/>
      <c r="Q55" s="48"/>
      <c r="R55" s="49" t="s">
        <v>1764</v>
      </c>
      <c r="S55" s="49" t="s">
        <v>1704</v>
      </c>
    </row>
    <row r="56" spans="1:19" s="50" customFormat="1" ht="46.5" customHeight="1" x14ac:dyDescent="0.15">
      <c r="A56" s="47" t="s">
        <v>1456</v>
      </c>
      <c r="B56" s="48" t="str">
        <f>IFERROR(VLOOKUP($A56,削除禁止!$A$1:$J$42,2,0),"")</f>
        <v>訪問系</v>
      </c>
      <c r="C56" s="10">
        <v>1610100867</v>
      </c>
      <c r="D56" s="10"/>
      <c r="E56" s="10"/>
      <c r="F56" s="16" t="s">
        <v>328</v>
      </c>
      <c r="G56" s="10"/>
      <c r="H56" s="10" t="s">
        <v>258</v>
      </c>
      <c r="I56" s="51" t="s">
        <v>663</v>
      </c>
      <c r="J56" s="10" t="s">
        <v>296</v>
      </c>
      <c r="K56" s="10" t="s">
        <v>616</v>
      </c>
      <c r="L56" s="16" t="s">
        <v>482</v>
      </c>
      <c r="M56" s="26">
        <v>40848</v>
      </c>
      <c r="N56" s="26">
        <v>47422</v>
      </c>
      <c r="O56" s="48"/>
      <c r="P56" s="48"/>
      <c r="Q56" s="48"/>
      <c r="R56" s="49" t="s">
        <v>1764</v>
      </c>
      <c r="S56" s="49" t="s">
        <v>1816</v>
      </c>
    </row>
    <row r="57" spans="1:19" s="50" customFormat="1" ht="46.5" customHeight="1" x14ac:dyDescent="0.15">
      <c r="A57" s="47" t="s">
        <v>1456</v>
      </c>
      <c r="B57" s="48" t="str">
        <f>IFERROR(VLOOKUP($A57,削除禁止!$A$1:$J$42,2,0),"")</f>
        <v>訪問系</v>
      </c>
      <c r="C57" s="10">
        <v>1610100230</v>
      </c>
      <c r="D57" s="10"/>
      <c r="E57" s="10"/>
      <c r="F57" s="16" t="s">
        <v>339</v>
      </c>
      <c r="G57" s="10"/>
      <c r="H57" s="10" t="s">
        <v>133</v>
      </c>
      <c r="I57" s="16" t="s">
        <v>1304</v>
      </c>
      <c r="J57" s="10" t="s">
        <v>88</v>
      </c>
      <c r="K57" s="10" t="s">
        <v>76</v>
      </c>
      <c r="L57" s="16" t="s">
        <v>310</v>
      </c>
      <c r="M57" s="26">
        <v>40878</v>
      </c>
      <c r="N57" s="26">
        <v>47452</v>
      </c>
      <c r="O57" s="48"/>
      <c r="P57" s="48"/>
      <c r="Q57" s="48"/>
      <c r="R57" s="49" t="s">
        <v>1764</v>
      </c>
      <c r="S57" s="49" t="s">
        <v>1814</v>
      </c>
    </row>
    <row r="58" spans="1:19" s="50" customFormat="1" ht="46.5" customHeight="1" x14ac:dyDescent="0.15">
      <c r="A58" s="47" t="s">
        <v>1456</v>
      </c>
      <c r="B58" s="48" t="str">
        <f>IFERROR(VLOOKUP($A58,削除禁止!$A$1:$J$42,2,0),"")</f>
        <v>訪問系</v>
      </c>
      <c r="C58" s="10">
        <v>1610100362</v>
      </c>
      <c r="D58" s="10"/>
      <c r="E58" s="10"/>
      <c r="F58" s="16" t="s">
        <v>227</v>
      </c>
      <c r="G58" s="10"/>
      <c r="H58" s="10" t="s">
        <v>228</v>
      </c>
      <c r="I58" s="16" t="s">
        <v>248</v>
      </c>
      <c r="J58" s="10" t="s">
        <v>232</v>
      </c>
      <c r="K58" s="10" t="s">
        <v>174</v>
      </c>
      <c r="L58" s="16" t="s">
        <v>212</v>
      </c>
      <c r="M58" s="26">
        <v>40909</v>
      </c>
      <c r="N58" s="26">
        <v>47483</v>
      </c>
      <c r="O58" s="48"/>
      <c r="P58" s="48"/>
      <c r="Q58" s="48"/>
      <c r="R58" s="49" t="s">
        <v>1008</v>
      </c>
      <c r="S58" s="49" t="s">
        <v>1800</v>
      </c>
    </row>
    <row r="59" spans="1:19" s="50" customFormat="1" ht="46.5" customHeight="1" x14ac:dyDescent="0.15">
      <c r="A59" s="47" t="s">
        <v>1456</v>
      </c>
      <c r="B59" s="48" t="str">
        <f>IFERROR(VLOOKUP($A59,削除禁止!$A$1:$J$42,2,0),"")</f>
        <v>訪問系</v>
      </c>
      <c r="C59" s="10">
        <v>1610100768</v>
      </c>
      <c r="D59" s="10"/>
      <c r="E59" s="10"/>
      <c r="F59" s="16" t="s">
        <v>1240</v>
      </c>
      <c r="G59" s="10"/>
      <c r="H59" s="11" t="s">
        <v>1059</v>
      </c>
      <c r="I59" s="16" t="s">
        <v>1310</v>
      </c>
      <c r="J59" s="10" t="s">
        <v>1060</v>
      </c>
      <c r="K59" s="10" t="s">
        <v>917</v>
      </c>
      <c r="L59" s="16" t="s">
        <v>235</v>
      </c>
      <c r="M59" s="26">
        <v>41000</v>
      </c>
      <c r="N59" s="26">
        <v>47573</v>
      </c>
      <c r="O59" s="48"/>
      <c r="P59" s="48"/>
      <c r="Q59" s="48"/>
      <c r="R59" s="49" t="s">
        <v>1764</v>
      </c>
      <c r="S59" s="49" t="s">
        <v>1817</v>
      </c>
    </row>
    <row r="60" spans="1:19" s="50" customFormat="1" ht="46.5" customHeight="1" x14ac:dyDescent="0.15">
      <c r="A60" s="47" t="s">
        <v>1456</v>
      </c>
      <c r="B60" s="48" t="str">
        <f>IFERROR(VLOOKUP($A60,削除禁止!$A$1:$J$42,2,0),"")</f>
        <v>訪問系</v>
      </c>
      <c r="C60" s="10">
        <v>1610101667</v>
      </c>
      <c r="D60" s="10"/>
      <c r="E60" s="10"/>
      <c r="F60" s="16" t="s">
        <v>560</v>
      </c>
      <c r="G60" s="10"/>
      <c r="H60" s="10" t="s">
        <v>454</v>
      </c>
      <c r="I60" s="16" t="s">
        <v>920</v>
      </c>
      <c r="J60" s="10" t="s">
        <v>752</v>
      </c>
      <c r="K60" s="10" t="s">
        <v>781</v>
      </c>
      <c r="L60" s="16" t="s">
        <v>1126</v>
      </c>
      <c r="M60" s="26">
        <v>42095</v>
      </c>
      <c r="N60" s="26">
        <v>46477</v>
      </c>
      <c r="O60" s="48"/>
      <c r="P60" s="48"/>
      <c r="Q60" s="48"/>
      <c r="R60" s="49" t="s">
        <v>1764</v>
      </c>
      <c r="S60" s="49" t="s">
        <v>1784</v>
      </c>
    </row>
    <row r="61" spans="1:19" s="50" customFormat="1" ht="46.5" customHeight="1" x14ac:dyDescent="0.15">
      <c r="A61" s="47" t="s">
        <v>1456</v>
      </c>
      <c r="B61" s="48" t="str">
        <f>IFERROR(VLOOKUP($A61,削除禁止!$A$1:$J$42,2,0),"")</f>
        <v>訪問系</v>
      </c>
      <c r="C61" s="10">
        <v>1610101675</v>
      </c>
      <c r="D61" s="10"/>
      <c r="E61" s="10"/>
      <c r="F61" s="16" t="s">
        <v>1195</v>
      </c>
      <c r="G61" s="10"/>
      <c r="H61" s="10" t="s">
        <v>123</v>
      </c>
      <c r="I61" s="16" t="s">
        <v>664</v>
      </c>
      <c r="J61" s="10" t="s">
        <v>30</v>
      </c>
      <c r="K61" s="10" t="s">
        <v>30</v>
      </c>
      <c r="L61" s="16" t="s">
        <v>909</v>
      </c>
      <c r="M61" s="26">
        <v>42095</v>
      </c>
      <c r="N61" s="26">
        <v>46477</v>
      </c>
      <c r="O61" s="48"/>
      <c r="P61" s="48"/>
      <c r="Q61" s="48"/>
      <c r="R61" s="49" t="s">
        <v>1764</v>
      </c>
      <c r="S61" s="49" t="s">
        <v>1819</v>
      </c>
    </row>
    <row r="62" spans="1:19" s="50" customFormat="1" ht="46.5" customHeight="1" x14ac:dyDescent="0.15">
      <c r="A62" s="47" t="s">
        <v>1456</v>
      </c>
      <c r="B62" s="48" t="str">
        <f>IFERROR(VLOOKUP($A62,削除禁止!$A$1:$J$42,2,0),"")</f>
        <v>訪問系</v>
      </c>
      <c r="C62" s="10">
        <v>1610100818</v>
      </c>
      <c r="D62" s="10"/>
      <c r="E62" s="10"/>
      <c r="F62" s="16" t="s">
        <v>1243</v>
      </c>
      <c r="G62" s="10"/>
      <c r="H62" s="10" t="s">
        <v>287</v>
      </c>
      <c r="I62" s="16" t="s">
        <v>764</v>
      </c>
      <c r="J62" s="10" t="s">
        <v>614</v>
      </c>
      <c r="K62" s="10" t="s">
        <v>191</v>
      </c>
      <c r="L62" s="16" t="s">
        <v>606</v>
      </c>
      <c r="M62" s="26">
        <v>42522</v>
      </c>
      <c r="N62" s="26">
        <v>46904</v>
      </c>
      <c r="O62" s="48"/>
      <c r="P62" s="48"/>
      <c r="Q62" s="48"/>
      <c r="R62" s="49" t="s">
        <v>1809</v>
      </c>
      <c r="S62" s="49" t="s">
        <v>1779</v>
      </c>
    </row>
    <row r="63" spans="1:19" s="50" customFormat="1" ht="46.5" customHeight="1" x14ac:dyDescent="0.15">
      <c r="A63" s="47" t="s">
        <v>1456</v>
      </c>
      <c r="B63" s="48" t="str">
        <f>IFERROR(VLOOKUP($A63,削除禁止!$A$1:$J$42,2,0),"")</f>
        <v>訪問系</v>
      </c>
      <c r="C63" s="10">
        <v>1610101824</v>
      </c>
      <c r="D63" s="10"/>
      <c r="E63" s="10"/>
      <c r="F63" s="16" t="s">
        <v>1178</v>
      </c>
      <c r="G63" s="10"/>
      <c r="H63" s="10" t="s">
        <v>783</v>
      </c>
      <c r="I63" s="16" t="s">
        <v>1134</v>
      </c>
      <c r="J63" s="10" t="s">
        <v>196</v>
      </c>
      <c r="K63" s="10" t="s">
        <v>373</v>
      </c>
      <c r="L63" s="16" t="s">
        <v>841</v>
      </c>
      <c r="M63" s="26">
        <v>43374</v>
      </c>
      <c r="N63" s="26">
        <v>45565</v>
      </c>
      <c r="O63" s="48"/>
      <c r="P63" s="48"/>
      <c r="Q63" s="48"/>
      <c r="R63" s="49" t="s">
        <v>1764</v>
      </c>
      <c r="S63" s="49" t="s">
        <v>1827</v>
      </c>
    </row>
    <row r="64" spans="1:19" s="50" customFormat="1" ht="46.5" customHeight="1" x14ac:dyDescent="0.15">
      <c r="A64" s="47" t="s">
        <v>1456</v>
      </c>
      <c r="B64" s="48" t="str">
        <f>IFERROR(VLOOKUP($A64,削除禁止!$A$1:$J$42,2,0),"")</f>
        <v>訪問系</v>
      </c>
      <c r="C64" s="10">
        <v>1610102590</v>
      </c>
      <c r="D64" s="10"/>
      <c r="E64" s="10"/>
      <c r="F64" s="16" t="s">
        <v>1220</v>
      </c>
      <c r="G64" s="10"/>
      <c r="H64" s="10" t="s">
        <v>1438</v>
      </c>
      <c r="I64" s="16" t="s">
        <v>1055</v>
      </c>
      <c r="J64" s="10" t="s">
        <v>1050</v>
      </c>
      <c r="K64" s="10" t="s">
        <v>1074</v>
      </c>
      <c r="L64" s="16" t="s">
        <v>1401</v>
      </c>
      <c r="M64" s="26">
        <v>44228</v>
      </c>
      <c r="N64" s="26">
        <v>46418</v>
      </c>
      <c r="O64" s="48"/>
      <c r="P64" s="48"/>
      <c r="Q64" s="48"/>
      <c r="R64" s="49" t="s">
        <v>1764</v>
      </c>
      <c r="S64" s="49" t="s">
        <v>1527</v>
      </c>
    </row>
    <row r="65" spans="1:19" s="50" customFormat="1" ht="46.5" customHeight="1" x14ac:dyDescent="0.15">
      <c r="A65" s="47" t="s">
        <v>1456</v>
      </c>
      <c r="B65" s="48" t="str">
        <f>IFERROR(VLOOKUP($A65,削除禁止!$A$1:$J$42,2,0),"")</f>
        <v>訪問系</v>
      </c>
      <c r="C65" s="10">
        <v>1610100206</v>
      </c>
      <c r="D65" s="10"/>
      <c r="E65" s="10"/>
      <c r="F65" s="16" t="s">
        <v>525</v>
      </c>
      <c r="G65" s="10"/>
      <c r="H65" s="10" t="s">
        <v>352</v>
      </c>
      <c r="I65" s="16" t="s">
        <v>1301</v>
      </c>
      <c r="J65" s="10" t="s">
        <v>337</v>
      </c>
      <c r="K65" s="10" t="s">
        <v>692</v>
      </c>
      <c r="L65" s="16" t="s">
        <v>521</v>
      </c>
      <c r="M65" s="26">
        <v>45200</v>
      </c>
      <c r="N65" s="26">
        <v>47391</v>
      </c>
      <c r="O65" s="48"/>
      <c r="P65" s="48"/>
      <c r="Q65" s="48"/>
      <c r="R65" s="49" t="s">
        <v>1764</v>
      </c>
      <c r="S65" s="49" t="s">
        <v>1829</v>
      </c>
    </row>
    <row r="66" spans="1:19" s="50" customFormat="1" ht="46.5" customHeight="1" x14ac:dyDescent="0.15">
      <c r="A66" s="47" t="s">
        <v>505</v>
      </c>
      <c r="B66" s="48" t="str">
        <f>IFERROR(VLOOKUP($A66,削除禁止!$A$1:$J$42,2,0),"")</f>
        <v>訪問系</v>
      </c>
      <c r="C66" s="10">
        <v>1610101667</v>
      </c>
      <c r="D66" s="10"/>
      <c r="E66" s="10"/>
      <c r="F66" s="16" t="s">
        <v>560</v>
      </c>
      <c r="G66" s="10"/>
      <c r="H66" s="10" t="s">
        <v>454</v>
      </c>
      <c r="I66" s="16" t="s">
        <v>920</v>
      </c>
      <c r="J66" s="10" t="s">
        <v>752</v>
      </c>
      <c r="K66" s="10" t="s">
        <v>781</v>
      </c>
      <c r="L66" s="16" t="s">
        <v>1126</v>
      </c>
      <c r="M66" s="26">
        <v>42614</v>
      </c>
      <c r="N66" s="26">
        <v>46996</v>
      </c>
      <c r="O66" s="48"/>
      <c r="P66" s="48"/>
      <c r="Q66" s="48"/>
      <c r="R66" s="49" t="s">
        <v>1764</v>
      </c>
      <c r="S66" s="49" t="s">
        <v>1784</v>
      </c>
    </row>
    <row r="67" spans="1:19" s="50" customFormat="1" ht="46.5" customHeight="1" x14ac:dyDescent="0.15">
      <c r="A67" s="47" t="s">
        <v>505</v>
      </c>
      <c r="B67" s="48" t="str">
        <f>IFERROR(VLOOKUP($A67,削除禁止!$A$1:$J$42,2,0),"")</f>
        <v>訪問系</v>
      </c>
      <c r="C67" s="10">
        <v>1610102590</v>
      </c>
      <c r="D67" s="10"/>
      <c r="E67" s="10"/>
      <c r="F67" s="16" t="s">
        <v>1220</v>
      </c>
      <c r="G67" s="10"/>
      <c r="H67" s="10" t="s">
        <v>1438</v>
      </c>
      <c r="I67" s="16" t="s">
        <v>1055</v>
      </c>
      <c r="J67" s="10" t="s">
        <v>1050</v>
      </c>
      <c r="K67" s="10" t="s">
        <v>1074</v>
      </c>
      <c r="L67" s="16" t="s">
        <v>1401</v>
      </c>
      <c r="M67" s="26">
        <v>44348</v>
      </c>
      <c r="N67" s="26">
        <v>46538</v>
      </c>
      <c r="O67" s="48"/>
      <c r="P67" s="48"/>
      <c r="Q67" s="48"/>
      <c r="R67" s="49" t="s">
        <v>1764</v>
      </c>
      <c r="S67" s="49" t="s">
        <v>1527</v>
      </c>
    </row>
    <row r="68" spans="1:19" s="53" customFormat="1" ht="46.5" customHeight="1" x14ac:dyDescent="0.15">
      <c r="A68" s="47" t="s">
        <v>505</v>
      </c>
      <c r="B68" s="48" t="str">
        <f>IFERROR(VLOOKUP($A68,削除禁止!$A$1:$J$42,2,0),"")</f>
        <v>訪問系</v>
      </c>
      <c r="C68" s="10">
        <v>1610101675</v>
      </c>
      <c r="D68" s="10"/>
      <c r="E68" s="10"/>
      <c r="F68" s="16" t="s">
        <v>1195</v>
      </c>
      <c r="G68" s="10"/>
      <c r="H68" s="10" t="s">
        <v>123</v>
      </c>
      <c r="I68" s="16" t="s">
        <v>664</v>
      </c>
      <c r="J68" s="10" t="s">
        <v>30</v>
      </c>
      <c r="K68" s="10" t="s">
        <v>30</v>
      </c>
      <c r="L68" s="16" t="s">
        <v>909</v>
      </c>
      <c r="M68" s="26">
        <v>45292</v>
      </c>
      <c r="N68" s="26">
        <v>47483</v>
      </c>
      <c r="O68" s="48"/>
      <c r="P68" s="48"/>
      <c r="Q68" s="48"/>
      <c r="R68" s="49" t="s">
        <v>1764</v>
      </c>
      <c r="S68" s="49" t="s">
        <v>1819</v>
      </c>
    </row>
    <row r="69" spans="1:19" s="53" customFormat="1" ht="46.5" customHeight="1" x14ac:dyDescent="0.15">
      <c r="A69" s="47" t="s">
        <v>1457</v>
      </c>
      <c r="B69" s="48" t="str">
        <f>IFERROR(VLOOKUP($A69,削除禁止!$A$1:$J$42,2,0),"")</f>
        <v>通所系</v>
      </c>
      <c r="C69" s="10">
        <v>1610100529</v>
      </c>
      <c r="D69" s="10"/>
      <c r="E69" s="10"/>
      <c r="F69" s="16" t="s">
        <v>309</v>
      </c>
      <c r="G69" s="10">
        <v>57</v>
      </c>
      <c r="H69" s="10" t="s">
        <v>302</v>
      </c>
      <c r="I69" s="16" t="s">
        <v>1333</v>
      </c>
      <c r="J69" s="10" t="s">
        <v>303</v>
      </c>
      <c r="K69" s="10" t="s">
        <v>305</v>
      </c>
      <c r="L69" s="16" t="s">
        <v>453</v>
      </c>
      <c r="M69" s="26">
        <v>41000</v>
      </c>
      <c r="N69" s="26">
        <v>47573</v>
      </c>
      <c r="O69" s="52"/>
      <c r="P69" s="52"/>
      <c r="Q69" s="52"/>
      <c r="R69" s="49" t="s">
        <v>1808</v>
      </c>
      <c r="S69" s="49" t="s">
        <v>1832</v>
      </c>
    </row>
    <row r="70" spans="1:19" s="54" customFormat="1" ht="46.5" customHeight="1" x14ac:dyDescent="0.15">
      <c r="A70" s="47" t="s">
        <v>1457</v>
      </c>
      <c r="B70" s="48" t="str">
        <f>IFERROR(VLOOKUP($A70,削除禁止!$A$1:$J$42,2,0),"")</f>
        <v>通所系</v>
      </c>
      <c r="C70" s="10">
        <v>1618000010</v>
      </c>
      <c r="D70" s="10"/>
      <c r="E70" s="10"/>
      <c r="F70" s="16" t="s">
        <v>567</v>
      </c>
      <c r="G70" s="10">
        <v>170</v>
      </c>
      <c r="H70" s="10" t="s">
        <v>139</v>
      </c>
      <c r="I70" s="16" t="s">
        <v>1326</v>
      </c>
      <c r="J70" s="10" t="s">
        <v>568</v>
      </c>
      <c r="K70" s="10" t="s">
        <v>572</v>
      </c>
      <c r="L70" s="16" t="s">
        <v>567</v>
      </c>
      <c r="M70" s="26">
        <v>41000</v>
      </c>
      <c r="N70" s="26">
        <v>47573</v>
      </c>
      <c r="O70" s="52"/>
      <c r="P70" s="52"/>
      <c r="Q70" s="52"/>
      <c r="R70" s="49" t="s">
        <v>1008</v>
      </c>
      <c r="S70" s="49" t="s">
        <v>1836</v>
      </c>
    </row>
    <row r="71" spans="1:19" s="54" customFormat="1" ht="46.5" customHeight="1" x14ac:dyDescent="0.15">
      <c r="A71" s="47" t="s">
        <v>1457</v>
      </c>
      <c r="B71" s="48" t="str">
        <f>IFERROR(VLOOKUP($A71,削除禁止!$A$1:$J$42,2,0),"")</f>
        <v>通所系</v>
      </c>
      <c r="C71" s="10">
        <v>1610102244</v>
      </c>
      <c r="D71" s="10"/>
      <c r="E71" s="10"/>
      <c r="F71" s="51" t="s">
        <v>1097</v>
      </c>
      <c r="G71" s="10">
        <v>30</v>
      </c>
      <c r="H71" s="10" t="s">
        <v>479</v>
      </c>
      <c r="I71" s="16" t="s">
        <v>1329</v>
      </c>
      <c r="J71" s="10" t="s">
        <v>609</v>
      </c>
      <c r="K71" s="10" t="s">
        <v>496</v>
      </c>
      <c r="L71" s="51" t="s">
        <v>389</v>
      </c>
      <c r="M71" s="26">
        <v>43282</v>
      </c>
      <c r="N71" s="26">
        <v>45473</v>
      </c>
      <c r="O71" s="52"/>
      <c r="P71" s="52"/>
      <c r="Q71" s="52"/>
      <c r="R71" s="49" t="s">
        <v>1764</v>
      </c>
      <c r="S71" s="49" t="s">
        <v>192</v>
      </c>
    </row>
    <row r="72" spans="1:19" s="54" customFormat="1" ht="46.5" customHeight="1" x14ac:dyDescent="0.15">
      <c r="A72" s="47" t="s">
        <v>1457</v>
      </c>
      <c r="B72" s="48" t="str">
        <f>IFERROR(VLOOKUP($A72,削除禁止!$A$1:$J$42,2,0),"")</f>
        <v>通所系</v>
      </c>
      <c r="C72" s="10">
        <v>1610102327</v>
      </c>
      <c r="D72" s="10"/>
      <c r="E72" s="10"/>
      <c r="F72" s="51" t="s">
        <v>973</v>
      </c>
      <c r="G72" s="10">
        <v>50</v>
      </c>
      <c r="H72" s="10" t="s">
        <v>479</v>
      </c>
      <c r="I72" s="16" t="s">
        <v>1329</v>
      </c>
      <c r="J72" s="10" t="s">
        <v>609</v>
      </c>
      <c r="K72" s="10" t="s">
        <v>851</v>
      </c>
      <c r="L72" s="51" t="s">
        <v>389</v>
      </c>
      <c r="M72" s="26">
        <v>43374</v>
      </c>
      <c r="N72" s="26">
        <v>45565</v>
      </c>
      <c r="O72" s="52"/>
      <c r="P72" s="52"/>
      <c r="Q72" s="52"/>
      <c r="R72" s="49" t="s">
        <v>1764</v>
      </c>
      <c r="S72" s="49" t="s">
        <v>192</v>
      </c>
    </row>
    <row r="73" spans="1:19" s="54" customFormat="1" ht="46.5" customHeight="1" x14ac:dyDescent="0.15">
      <c r="A73" s="47" t="s">
        <v>1459</v>
      </c>
      <c r="B73" s="48" t="str">
        <f>IFERROR(VLOOKUP($A73,削除禁止!$A$1:$J$42,2,0),"")</f>
        <v>短期入所</v>
      </c>
      <c r="C73" s="10">
        <v>1610100032</v>
      </c>
      <c r="D73" s="10"/>
      <c r="E73" s="10"/>
      <c r="F73" s="16" t="s">
        <v>1094</v>
      </c>
      <c r="G73" s="10">
        <v>2</v>
      </c>
      <c r="H73" s="10" t="s">
        <v>1541</v>
      </c>
      <c r="I73" s="16" t="s">
        <v>1330</v>
      </c>
      <c r="J73" s="10" t="s">
        <v>267</v>
      </c>
      <c r="K73" s="10" t="s">
        <v>276</v>
      </c>
      <c r="L73" s="16" t="s">
        <v>279</v>
      </c>
      <c r="M73" s="26">
        <v>38991</v>
      </c>
      <c r="N73" s="26">
        <v>45565</v>
      </c>
      <c r="O73" s="52"/>
      <c r="P73" s="52"/>
      <c r="Q73" s="52"/>
      <c r="R73" s="49" t="s">
        <v>1808</v>
      </c>
      <c r="S73" s="49" t="s">
        <v>1767</v>
      </c>
    </row>
    <row r="74" spans="1:19" s="54" customFormat="1" ht="46.5" customHeight="1" x14ac:dyDescent="0.15">
      <c r="A74" s="47" t="s">
        <v>1459</v>
      </c>
      <c r="B74" s="48" t="str">
        <f>IFERROR(VLOOKUP($A74,削除禁止!$A$1:$J$42,2,0),"")</f>
        <v>短期入所</v>
      </c>
      <c r="C74" s="10">
        <v>1610100081</v>
      </c>
      <c r="D74" s="10"/>
      <c r="E74" s="10"/>
      <c r="F74" s="16" t="s">
        <v>1092</v>
      </c>
      <c r="G74" s="10">
        <v>2</v>
      </c>
      <c r="H74" s="10" t="s">
        <v>1541</v>
      </c>
      <c r="I74" s="16" t="s">
        <v>1330</v>
      </c>
      <c r="J74" s="10" t="s">
        <v>267</v>
      </c>
      <c r="K74" s="10" t="s">
        <v>276</v>
      </c>
      <c r="L74" s="16" t="s">
        <v>279</v>
      </c>
      <c r="M74" s="26">
        <v>38991</v>
      </c>
      <c r="N74" s="26">
        <v>45565</v>
      </c>
      <c r="O74" s="52"/>
      <c r="P74" s="52"/>
      <c r="Q74" s="52"/>
      <c r="R74" s="49" t="s">
        <v>1808</v>
      </c>
      <c r="S74" s="49" t="s">
        <v>1767</v>
      </c>
    </row>
    <row r="75" spans="1:19" s="54" customFormat="1" ht="46.5" customHeight="1" x14ac:dyDescent="0.15">
      <c r="A75" s="47" t="s">
        <v>1459</v>
      </c>
      <c r="B75" s="48" t="str">
        <f>IFERROR(VLOOKUP($A75,削除禁止!$A$1:$J$42,2,0),"")</f>
        <v>短期入所</v>
      </c>
      <c r="C75" s="10">
        <v>1610100099</v>
      </c>
      <c r="D75" s="10"/>
      <c r="E75" s="10"/>
      <c r="F75" s="16" t="s">
        <v>121</v>
      </c>
      <c r="G75" s="10">
        <v>2</v>
      </c>
      <c r="H75" s="10" t="s">
        <v>1541</v>
      </c>
      <c r="I75" s="16" t="s">
        <v>1330</v>
      </c>
      <c r="J75" s="10" t="s">
        <v>267</v>
      </c>
      <c r="K75" s="10" t="s">
        <v>276</v>
      </c>
      <c r="L75" s="16" t="s">
        <v>279</v>
      </c>
      <c r="M75" s="26">
        <v>38991</v>
      </c>
      <c r="N75" s="26">
        <v>45565</v>
      </c>
      <c r="O75" s="52"/>
      <c r="P75" s="52"/>
      <c r="Q75" s="52"/>
      <c r="R75" s="49" t="s">
        <v>1808</v>
      </c>
      <c r="S75" s="49" t="s">
        <v>1767</v>
      </c>
    </row>
    <row r="76" spans="1:19" s="54" customFormat="1" ht="46.5" customHeight="1" x14ac:dyDescent="0.15">
      <c r="A76" s="47" t="s">
        <v>1459</v>
      </c>
      <c r="B76" s="48" t="str">
        <f>IFERROR(VLOOKUP($A76,削除禁止!$A$1:$J$42,2,0),"")</f>
        <v>短期入所</v>
      </c>
      <c r="C76" s="10">
        <v>1610100107</v>
      </c>
      <c r="D76" s="10"/>
      <c r="E76" s="10"/>
      <c r="F76" s="16" t="s">
        <v>1093</v>
      </c>
      <c r="G76" s="10">
        <v>2</v>
      </c>
      <c r="H76" s="10" t="s">
        <v>1541</v>
      </c>
      <c r="I76" s="16" t="s">
        <v>1330</v>
      </c>
      <c r="J76" s="10" t="s">
        <v>267</v>
      </c>
      <c r="K76" s="10" t="s">
        <v>276</v>
      </c>
      <c r="L76" s="16" t="s">
        <v>279</v>
      </c>
      <c r="M76" s="26">
        <v>38991</v>
      </c>
      <c r="N76" s="26">
        <v>45565</v>
      </c>
      <c r="O76" s="52"/>
      <c r="P76" s="52"/>
      <c r="Q76" s="52"/>
      <c r="R76" s="49" t="s">
        <v>1808</v>
      </c>
      <c r="S76" s="49" t="s">
        <v>1767</v>
      </c>
    </row>
    <row r="77" spans="1:19" s="54" customFormat="1" ht="46.5" customHeight="1" x14ac:dyDescent="0.15">
      <c r="A77" s="47" t="s">
        <v>1459</v>
      </c>
      <c r="B77" s="48" t="str">
        <f>IFERROR(VLOOKUP($A77,削除禁止!$A$1:$J$42,2,0),"")</f>
        <v>短期入所</v>
      </c>
      <c r="C77" s="10">
        <v>1610100172</v>
      </c>
      <c r="D77" s="10"/>
      <c r="E77" s="10"/>
      <c r="F77" s="16" t="s">
        <v>576</v>
      </c>
      <c r="G77" s="10">
        <v>2</v>
      </c>
      <c r="H77" s="10" t="s">
        <v>1541</v>
      </c>
      <c r="I77" s="16" t="s">
        <v>1330</v>
      </c>
      <c r="J77" s="10" t="s">
        <v>267</v>
      </c>
      <c r="K77" s="10" t="s">
        <v>276</v>
      </c>
      <c r="L77" s="16" t="s">
        <v>279</v>
      </c>
      <c r="M77" s="26">
        <v>38991</v>
      </c>
      <c r="N77" s="26">
        <v>45565</v>
      </c>
      <c r="O77" s="52"/>
      <c r="P77" s="52"/>
      <c r="Q77" s="52"/>
      <c r="R77" s="49" t="s">
        <v>1808</v>
      </c>
      <c r="S77" s="49" t="s">
        <v>1767</v>
      </c>
    </row>
    <row r="78" spans="1:19" s="54" customFormat="1" ht="46.5" customHeight="1" x14ac:dyDescent="0.15">
      <c r="A78" s="47" t="s">
        <v>1459</v>
      </c>
      <c r="B78" s="48" t="str">
        <f>IFERROR(VLOOKUP($A78,削除禁止!$A$1:$J$42,2,0),"")</f>
        <v>短期入所</v>
      </c>
      <c r="C78" s="10">
        <v>1610100073</v>
      </c>
      <c r="D78" s="10"/>
      <c r="E78" s="10"/>
      <c r="F78" s="16" t="s">
        <v>425</v>
      </c>
      <c r="G78" s="10">
        <v>2</v>
      </c>
      <c r="H78" s="10" t="s">
        <v>409</v>
      </c>
      <c r="I78" s="16" t="s">
        <v>1608</v>
      </c>
      <c r="J78" s="10" t="s">
        <v>410</v>
      </c>
      <c r="K78" s="10" t="s">
        <v>415</v>
      </c>
      <c r="L78" s="16" t="s">
        <v>407</v>
      </c>
      <c r="M78" s="26">
        <v>38991</v>
      </c>
      <c r="N78" s="26">
        <v>45565</v>
      </c>
      <c r="O78" s="52"/>
      <c r="P78" s="52"/>
      <c r="Q78" s="52"/>
      <c r="R78" s="49" t="s">
        <v>1764</v>
      </c>
      <c r="S78" s="49" t="s">
        <v>1704</v>
      </c>
    </row>
    <row r="79" spans="1:19" s="54" customFormat="1" ht="46.5" customHeight="1" x14ac:dyDescent="0.15">
      <c r="A79" s="47" t="s">
        <v>1459</v>
      </c>
      <c r="B79" s="48" t="str">
        <f>IFERROR(VLOOKUP($A79,削除禁止!$A$1:$J$42,2,0),"")</f>
        <v>短期入所</v>
      </c>
      <c r="C79" s="10">
        <v>1610100123</v>
      </c>
      <c r="D79" s="10"/>
      <c r="E79" s="10"/>
      <c r="F79" s="16" t="s">
        <v>299</v>
      </c>
      <c r="G79" s="10">
        <v>2</v>
      </c>
      <c r="H79" s="10" t="s">
        <v>136</v>
      </c>
      <c r="I79" s="16" t="s">
        <v>1169</v>
      </c>
      <c r="J79" s="10" t="s">
        <v>295</v>
      </c>
      <c r="K79" s="10" t="s">
        <v>297</v>
      </c>
      <c r="L79" s="16" t="s">
        <v>452</v>
      </c>
      <c r="M79" s="26">
        <v>38991</v>
      </c>
      <c r="N79" s="26">
        <v>45565</v>
      </c>
      <c r="O79" s="52"/>
      <c r="P79" s="52"/>
      <c r="Q79" s="52"/>
      <c r="R79" s="49" t="s">
        <v>1810</v>
      </c>
      <c r="S79" s="49" t="s">
        <v>1837</v>
      </c>
    </row>
    <row r="80" spans="1:19" s="54" customFormat="1" ht="46.5" customHeight="1" x14ac:dyDescent="0.15">
      <c r="A80" s="47" t="s">
        <v>1459</v>
      </c>
      <c r="B80" s="48" t="str">
        <f>IFERROR(VLOOKUP($A80,削除禁止!$A$1:$J$42,2,0),"")</f>
        <v>短期入所</v>
      </c>
      <c r="C80" s="10">
        <v>1610100529</v>
      </c>
      <c r="D80" s="10"/>
      <c r="E80" s="10"/>
      <c r="F80" s="16" t="s">
        <v>309</v>
      </c>
      <c r="G80" s="10"/>
      <c r="H80" s="10" t="s">
        <v>302</v>
      </c>
      <c r="I80" s="16" t="s">
        <v>1333</v>
      </c>
      <c r="J80" s="10" t="s">
        <v>303</v>
      </c>
      <c r="K80" s="10" t="s">
        <v>305</v>
      </c>
      <c r="L80" s="16" t="s">
        <v>453</v>
      </c>
      <c r="M80" s="26">
        <v>38991</v>
      </c>
      <c r="N80" s="26">
        <v>45565</v>
      </c>
      <c r="O80" s="52"/>
      <c r="P80" s="52"/>
      <c r="Q80" s="52"/>
      <c r="R80" s="49" t="s">
        <v>1808</v>
      </c>
      <c r="S80" s="49" t="s">
        <v>1832</v>
      </c>
    </row>
    <row r="81" spans="1:19" s="54" customFormat="1" ht="46.5" customHeight="1" x14ac:dyDescent="0.15">
      <c r="A81" s="47" t="s">
        <v>1459</v>
      </c>
      <c r="B81" s="48" t="str">
        <f>IFERROR(VLOOKUP($A81,削除禁止!$A$1:$J$42,2,0),"")</f>
        <v>短期入所</v>
      </c>
      <c r="C81" s="10">
        <v>1610100461</v>
      </c>
      <c r="D81" s="10"/>
      <c r="E81" s="10"/>
      <c r="F81" s="16" t="s">
        <v>460</v>
      </c>
      <c r="G81" s="22">
        <v>20</v>
      </c>
      <c r="H81" s="10" t="s">
        <v>313</v>
      </c>
      <c r="I81" s="16" t="s">
        <v>1331</v>
      </c>
      <c r="J81" s="10" t="s">
        <v>929</v>
      </c>
      <c r="K81" s="10" t="s">
        <v>1012</v>
      </c>
      <c r="L81" s="16" t="s">
        <v>903</v>
      </c>
      <c r="M81" s="26">
        <v>38991</v>
      </c>
      <c r="N81" s="26">
        <v>45565</v>
      </c>
      <c r="O81" s="52"/>
      <c r="P81" s="52"/>
      <c r="Q81" s="52"/>
      <c r="R81" s="49" t="s">
        <v>1008</v>
      </c>
      <c r="S81" s="49" t="s">
        <v>1800</v>
      </c>
    </row>
    <row r="82" spans="1:19" s="54" customFormat="1" ht="46.5" customHeight="1" x14ac:dyDescent="0.15">
      <c r="A82" s="47" t="s">
        <v>1459</v>
      </c>
      <c r="B82" s="48" t="str">
        <f>IFERROR(VLOOKUP($A82,削除禁止!$A$1:$J$42,2,0),"")</f>
        <v>短期入所</v>
      </c>
      <c r="C82" s="10">
        <v>1610100115</v>
      </c>
      <c r="D82" s="10"/>
      <c r="E82" s="10"/>
      <c r="F82" s="16" t="s">
        <v>329</v>
      </c>
      <c r="G82" s="10">
        <v>2</v>
      </c>
      <c r="H82" s="10" t="s">
        <v>325</v>
      </c>
      <c r="I82" s="16" t="s">
        <v>1672</v>
      </c>
      <c r="J82" s="10" t="s">
        <v>334</v>
      </c>
      <c r="K82" s="10" t="s">
        <v>59</v>
      </c>
      <c r="L82" s="16" t="s">
        <v>469</v>
      </c>
      <c r="M82" s="26">
        <v>38991</v>
      </c>
      <c r="N82" s="26">
        <v>45565</v>
      </c>
      <c r="O82" s="52"/>
      <c r="P82" s="52"/>
      <c r="Q82" s="52"/>
      <c r="R82" s="49" t="s">
        <v>1809</v>
      </c>
      <c r="S82" s="49" t="s">
        <v>1485</v>
      </c>
    </row>
    <row r="83" spans="1:19" s="54" customFormat="1" ht="46.5" customHeight="1" x14ac:dyDescent="0.15">
      <c r="A83" s="47" t="s">
        <v>1459</v>
      </c>
      <c r="B83" s="48" t="str">
        <f>IFERROR(VLOOKUP($A83,削除禁止!$A$1:$J$42,2,0),"")</f>
        <v>短期入所</v>
      </c>
      <c r="C83" s="10">
        <v>1610100024</v>
      </c>
      <c r="D83" s="10"/>
      <c r="E83" s="10"/>
      <c r="F83" s="16" t="s">
        <v>465</v>
      </c>
      <c r="G83" s="10">
        <v>4</v>
      </c>
      <c r="H83" s="10" t="s">
        <v>479</v>
      </c>
      <c r="I83" s="16" t="s">
        <v>1329</v>
      </c>
      <c r="J83" s="10" t="s">
        <v>481</v>
      </c>
      <c r="K83" s="10" t="s">
        <v>370</v>
      </c>
      <c r="L83" s="16" t="s">
        <v>389</v>
      </c>
      <c r="M83" s="26">
        <v>38991</v>
      </c>
      <c r="N83" s="26">
        <v>45565</v>
      </c>
      <c r="O83" s="52"/>
      <c r="P83" s="52"/>
      <c r="Q83" s="52"/>
      <c r="R83" s="49" t="s">
        <v>1764</v>
      </c>
      <c r="S83" s="49" t="s">
        <v>192</v>
      </c>
    </row>
    <row r="84" spans="1:19" s="54" customFormat="1" ht="46.5" customHeight="1" x14ac:dyDescent="0.15">
      <c r="A84" s="47" t="s">
        <v>1459</v>
      </c>
      <c r="B84" s="48" t="str">
        <f>IFERROR(VLOOKUP($A84,削除禁止!$A$1:$J$42,2,0),"")</f>
        <v>短期入所</v>
      </c>
      <c r="C84" s="10">
        <v>1610100479</v>
      </c>
      <c r="D84" s="10"/>
      <c r="E84" s="10"/>
      <c r="F84" s="51" t="s">
        <v>1727</v>
      </c>
      <c r="G84" s="10"/>
      <c r="H84" s="10" t="s">
        <v>479</v>
      </c>
      <c r="I84" s="16" t="s">
        <v>1329</v>
      </c>
      <c r="J84" s="10" t="s">
        <v>1497</v>
      </c>
      <c r="K84" s="10" t="s">
        <v>1441</v>
      </c>
      <c r="L84" s="16" t="s">
        <v>389</v>
      </c>
      <c r="M84" s="26">
        <v>38991</v>
      </c>
      <c r="N84" s="26">
        <v>45565</v>
      </c>
      <c r="O84" s="52"/>
      <c r="P84" s="52"/>
      <c r="Q84" s="52"/>
      <c r="R84" s="49" t="s">
        <v>1764</v>
      </c>
      <c r="S84" s="49" t="s">
        <v>192</v>
      </c>
    </row>
    <row r="85" spans="1:19" s="54" customFormat="1" ht="46.5" customHeight="1" x14ac:dyDescent="0.15">
      <c r="A85" s="47" t="s">
        <v>1459</v>
      </c>
      <c r="B85" s="48" t="str">
        <f>IFERROR(VLOOKUP($A85,削除禁止!$A$1:$J$42,2,0),"")</f>
        <v>短期入所</v>
      </c>
      <c r="C85" s="10">
        <v>1610100552</v>
      </c>
      <c r="D85" s="10"/>
      <c r="E85" s="10"/>
      <c r="F85" s="16" t="s">
        <v>653</v>
      </c>
      <c r="G85" s="10"/>
      <c r="H85" s="10" t="s">
        <v>340</v>
      </c>
      <c r="I85" s="16" t="s">
        <v>1350</v>
      </c>
      <c r="J85" s="10" t="s">
        <v>343</v>
      </c>
      <c r="K85" s="10" t="s">
        <v>345</v>
      </c>
      <c r="L85" s="16" t="s">
        <v>491</v>
      </c>
      <c r="M85" s="26">
        <v>38991</v>
      </c>
      <c r="N85" s="26">
        <v>45565</v>
      </c>
      <c r="O85" s="52"/>
      <c r="P85" s="52"/>
      <c r="Q85" s="52"/>
      <c r="R85" s="49" t="s">
        <v>1764</v>
      </c>
      <c r="S85" s="49" t="s">
        <v>1794</v>
      </c>
    </row>
    <row r="86" spans="1:19" s="54" customFormat="1" ht="46.5" customHeight="1" x14ac:dyDescent="0.15">
      <c r="A86" s="47" t="s">
        <v>1459</v>
      </c>
      <c r="B86" s="48" t="str">
        <f>IFERROR(VLOOKUP($A86,削除禁止!$A$1:$J$42,2,0),"")</f>
        <v>短期入所</v>
      </c>
      <c r="C86" s="10">
        <v>1610100206</v>
      </c>
      <c r="D86" s="10"/>
      <c r="E86" s="10"/>
      <c r="F86" s="16" t="s">
        <v>525</v>
      </c>
      <c r="G86" s="10"/>
      <c r="H86" s="10" t="s">
        <v>352</v>
      </c>
      <c r="I86" s="16" t="s">
        <v>1301</v>
      </c>
      <c r="J86" s="10" t="s">
        <v>748</v>
      </c>
      <c r="K86" s="10" t="s">
        <v>494</v>
      </c>
      <c r="L86" s="16" t="s">
        <v>521</v>
      </c>
      <c r="M86" s="26">
        <v>38991</v>
      </c>
      <c r="N86" s="26">
        <v>45565</v>
      </c>
      <c r="O86" s="52"/>
      <c r="P86" s="52"/>
      <c r="Q86" s="52"/>
      <c r="R86" s="49" t="s">
        <v>1764</v>
      </c>
      <c r="S86" s="49" t="s">
        <v>1829</v>
      </c>
    </row>
    <row r="87" spans="1:19" s="54" customFormat="1" ht="46.5" customHeight="1" x14ac:dyDescent="0.15">
      <c r="A87" s="47" t="s">
        <v>1459</v>
      </c>
      <c r="B87" s="48" t="str">
        <f>IFERROR(VLOOKUP($A87,削除禁止!$A$1:$J$42,2,0),"")</f>
        <v>短期入所</v>
      </c>
      <c r="C87" s="10">
        <v>1610100495</v>
      </c>
      <c r="D87" s="10"/>
      <c r="E87" s="10"/>
      <c r="F87" s="16" t="s">
        <v>1090</v>
      </c>
      <c r="G87" s="10"/>
      <c r="H87" s="10" t="s">
        <v>497</v>
      </c>
      <c r="I87" s="16" t="s">
        <v>1332</v>
      </c>
      <c r="J87" s="10" t="s">
        <v>500</v>
      </c>
      <c r="K87" s="10" t="s">
        <v>502</v>
      </c>
      <c r="L87" s="16" t="s">
        <v>551</v>
      </c>
      <c r="M87" s="26">
        <v>38991</v>
      </c>
      <c r="N87" s="26">
        <v>45565</v>
      </c>
      <c r="O87" s="52"/>
      <c r="P87" s="52"/>
      <c r="Q87" s="52"/>
      <c r="R87" s="49" t="s">
        <v>1764</v>
      </c>
      <c r="S87" s="49" t="s">
        <v>1704</v>
      </c>
    </row>
    <row r="88" spans="1:19" s="54" customFormat="1" ht="46.5" customHeight="1" x14ac:dyDescent="0.15">
      <c r="A88" s="47" t="s">
        <v>1459</v>
      </c>
      <c r="B88" s="48" t="str">
        <f>IFERROR(VLOOKUP($A88,削除禁止!$A$1:$J$42,2,0),"")</f>
        <v>短期入所</v>
      </c>
      <c r="C88" s="10">
        <v>1610100511</v>
      </c>
      <c r="D88" s="10"/>
      <c r="E88" s="10"/>
      <c r="F88" s="16" t="s">
        <v>539</v>
      </c>
      <c r="G88" s="10"/>
      <c r="H88" s="10" t="s">
        <v>506</v>
      </c>
      <c r="I88" s="16" t="s">
        <v>540</v>
      </c>
      <c r="J88" s="10" t="s">
        <v>508</v>
      </c>
      <c r="K88" s="10" t="s">
        <v>314</v>
      </c>
      <c r="L88" s="16" t="s">
        <v>22</v>
      </c>
      <c r="M88" s="26">
        <v>38991</v>
      </c>
      <c r="N88" s="26">
        <v>45565</v>
      </c>
      <c r="O88" s="52"/>
      <c r="P88" s="52"/>
      <c r="Q88" s="52"/>
      <c r="R88" s="49" t="s">
        <v>1764</v>
      </c>
      <c r="S88" s="49" t="s">
        <v>1760</v>
      </c>
    </row>
    <row r="89" spans="1:19" s="54" customFormat="1" ht="46.5" customHeight="1" x14ac:dyDescent="0.15">
      <c r="A89" s="47" t="s">
        <v>1459</v>
      </c>
      <c r="B89" s="48" t="str">
        <f>IFERROR(VLOOKUP($A89,削除禁止!$A$1:$J$42,2,0),"")</f>
        <v>短期入所</v>
      </c>
      <c r="C89" s="10">
        <v>1618000010</v>
      </c>
      <c r="D89" s="10"/>
      <c r="E89" s="10"/>
      <c r="F89" s="16" t="s">
        <v>567</v>
      </c>
      <c r="G89" s="10"/>
      <c r="H89" s="10" t="s">
        <v>139</v>
      </c>
      <c r="I89" s="16" t="s">
        <v>1326</v>
      </c>
      <c r="J89" s="10" t="s">
        <v>568</v>
      </c>
      <c r="K89" s="10" t="s">
        <v>572</v>
      </c>
      <c r="L89" s="16" t="s">
        <v>567</v>
      </c>
      <c r="M89" s="26">
        <v>38991</v>
      </c>
      <c r="N89" s="26">
        <v>45565</v>
      </c>
      <c r="O89" s="52"/>
      <c r="P89" s="52"/>
      <c r="Q89" s="52"/>
      <c r="R89" s="49" t="s">
        <v>1008</v>
      </c>
      <c r="S89" s="49" t="s">
        <v>1836</v>
      </c>
    </row>
    <row r="90" spans="1:19" s="54" customFormat="1" ht="46.5" customHeight="1" x14ac:dyDescent="0.15">
      <c r="A90" s="47" t="s">
        <v>1459</v>
      </c>
      <c r="B90" s="48" t="str">
        <f>IFERROR(VLOOKUP($A90,削除禁止!$A$1:$J$42,2,0),"")</f>
        <v>短期入所</v>
      </c>
      <c r="C90" s="10">
        <v>1610100933</v>
      </c>
      <c r="D90" s="10"/>
      <c r="E90" s="10"/>
      <c r="F90" s="16" t="s">
        <v>384</v>
      </c>
      <c r="G90" s="10">
        <v>2</v>
      </c>
      <c r="H90" s="10" t="s">
        <v>1541</v>
      </c>
      <c r="I90" s="16" t="s">
        <v>1330</v>
      </c>
      <c r="J90" s="10" t="s">
        <v>267</v>
      </c>
      <c r="K90" s="10" t="s">
        <v>276</v>
      </c>
      <c r="L90" s="16" t="s">
        <v>279</v>
      </c>
      <c r="M90" s="26">
        <v>40269</v>
      </c>
      <c r="N90" s="26">
        <v>46843</v>
      </c>
      <c r="O90" s="52"/>
      <c r="P90" s="52"/>
      <c r="Q90" s="52"/>
      <c r="R90" s="49" t="s">
        <v>1808</v>
      </c>
      <c r="S90" s="49" t="s">
        <v>1767</v>
      </c>
    </row>
    <row r="91" spans="1:19" s="54" customFormat="1" ht="46.5" customHeight="1" x14ac:dyDescent="0.15">
      <c r="A91" s="47" t="s">
        <v>1459</v>
      </c>
      <c r="B91" s="48" t="str">
        <f>IFERROR(VLOOKUP($A91,削除禁止!$A$1:$J$42,2,0),"")</f>
        <v>短期入所</v>
      </c>
      <c r="C91" s="10">
        <v>1610100966</v>
      </c>
      <c r="D91" s="10"/>
      <c r="E91" s="10"/>
      <c r="F91" s="16" t="s">
        <v>1087</v>
      </c>
      <c r="G91" s="10">
        <v>2</v>
      </c>
      <c r="H91" s="10" t="s">
        <v>466</v>
      </c>
      <c r="I91" s="16" t="s">
        <v>1334</v>
      </c>
      <c r="J91" s="10" t="s">
        <v>1498</v>
      </c>
      <c r="K91" s="10" t="s">
        <v>1289</v>
      </c>
      <c r="L91" s="16" t="s">
        <v>458</v>
      </c>
      <c r="M91" s="26">
        <v>40299</v>
      </c>
      <c r="N91" s="26">
        <v>46873</v>
      </c>
      <c r="O91" s="55"/>
      <c r="P91" s="52"/>
      <c r="Q91" s="52"/>
      <c r="R91" s="49" t="s">
        <v>1764</v>
      </c>
      <c r="S91" s="49" t="s">
        <v>366</v>
      </c>
    </row>
    <row r="92" spans="1:19" s="54" customFormat="1" ht="46.5" customHeight="1" x14ac:dyDescent="0.15">
      <c r="A92" s="47" t="s">
        <v>1459</v>
      </c>
      <c r="B92" s="48" t="str">
        <f>IFERROR(VLOOKUP($A92,削除禁止!$A$1:$J$42,2,0),"")</f>
        <v>短期入所</v>
      </c>
      <c r="C92" s="10">
        <v>1610101113</v>
      </c>
      <c r="D92" s="10"/>
      <c r="E92" s="10"/>
      <c r="F92" s="16" t="s">
        <v>105</v>
      </c>
      <c r="G92" s="10"/>
      <c r="H92" s="10" t="s">
        <v>173</v>
      </c>
      <c r="I92" s="16" t="s">
        <v>998</v>
      </c>
      <c r="J92" s="10" t="s">
        <v>630</v>
      </c>
      <c r="K92" s="10" t="s">
        <v>832</v>
      </c>
      <c r="L92" s="16" t="s">
        <v>194</v>
      </c>
      <c r="M92" s="26">
        <v>40756</v>
      </c>
      <c r="N92" s="26">
        <v>47330</v>
      </c>
      <c r="O92" s="52"/>
      <c r="P92" s="52"/>
      <c r="Q92" s="52"/>
      <c r="R92" s="49" t="s">
        <v>1764</v>
      </c>
      <c r="S92" s="49" t="s">
        <v>1525</v>
      </c>
    </row>
    <row r="93" spans="1:19" s="54" customFormat="1" ht="46.5" customHeight="1" x14ac:dyDescent="0.15">
      <c r="A93" s="47" t="s">
        <v>1459</v>
      </c>
      <c r="B93" s="48" t="str">
        <f>IFERROR(VLOOKUP($A93,削除禁止!$A$1:$J$42,2,0),"")</f>
        <v>短期入所</v>
      </c>
      <c r="C93" s="10">
        <v>1610103036</v>
      </c>
      <c r="D93" s="10"/>
      <c r="E93" s="10"/>
      <c r="F93" s="16" t="s">
        <v>1990</v>
      </c>
      <c r="G93" s="46">
        <v>4</v>
      </c>
      <c r="H93" s="10" t="s">
        <v>578</v>
      </c>
      <c r="I93" s="16" t="s">
        <v>1991</v>
      </c>
      <c r="J93" s="10" t="s">
        <v>300</v>
      </c>
      <c r="K93" s="10" t="s">
        <v>580</v>
      </c>
      <c r="L93" s="16" t="s">
        <v>1992</v>
      </c>
      <c r="M93" s="26">
        <v>45383</v>
      </c>
      <c r="N93" s="26">
        <v>47573</v>
      </c>
      <c r="O93" s="52"/>
      <c r="P93" s="52"/>
      <c r="Q93" s="52"/>
      <c r="R93" s="49" t="s">
        <v>1764</v>
      </c>
      <c r="S93" s="49" t="s">
        <v>1519</v>
      </c>
    </row>
    <row r="94" spans="1:19" s="54" customFormat="1" ht="46.5" customHeight="1" x14ac:dyDescent="0.15">
      <c r="A94" s="47" t="s">
        <v>1459</v>
      </c>
      <c r="B94" s="48" t="str">
        <f>IFERROR(VLOOKUP($A94,削除禁止!$A$1:$J$42,2,0),"")</f>
        <v>短期入所</v>
      </c>
      <c r="C94" s="10">
        <v>1610101584</v>
      </c>
      <c r="D94" s="10"/>
      <c r="E94" s="10"/>
      <c r="F94" s="16" t="s">
        <v>1058</v>
      </c>
      <c r="G94" s="10"/>
      <c r="H94" s="10" t="s">
        <v>208</v>
      </c>
      <c r="I94" s="16" t="s">
        <v>1044</v>
      </c>
      <c r="J94" s="10" t="s">
        <v>745</v>
      </c>
      <c r="K94" s="10" t="s">
        <v>676</v>
      </c>
      <c r="L94" s="16" t="s">
        <v>551</v>
      </c>
      <c r="M94" s="26">
        <v>41974</v>
      </c>
      <c r="N94" s="26">
        <v>46356</v>
      </c>
      <c r="O94" s="52"/>
      <c r="P94" s="52"/>
      <c r="Q94" s="52"/>
      <c r="R94" s="49" t="s">
        <v>1764</v>
      </c>
      <c r="S94" s="49" t="s">
        <v>1527</v>
      </c>
    </row>
    <row r="95" spans="1:19" s="54" customFormat="1" ht="46.5" customHeight="1" x14ac:dyDescent="0.15">
      <c r="A95" s="47" t="s">
        <v>1459</v>
      </c>
      <c r="B95" s="48" t="str">
        <f>IFERROR(VLOOKUP($A95,削除禁止!$A$1:$J$42,2,0),"")</f>
        <v>短期入所</v>
      </c>
      <c r="C95" s="10">
        <v>1610101782</v>
      </c>
      <c r="D95" s="10"/>
      <c r="E95" s="10"/>
      <c r="F95" s="16" t="s">
        <v>1099</v>
      </c>
      <c r="G95" s="10">
        <v>2</v>
      </c>
      <c r="H95" s="10" t="s">
        <v>672</v>
      </c>
      <c r="I95" s="16" t="s">
        <v>41</v>
      </c>
      <c r="J95" s="10" t="s">
        <v>215</v>
      </c>
      <c r="K95" s="10" t="s">
        <v>646</v>
      </c>
      <c r="L95" s="16" t="s">
        <v>1101</v>
      </c>
      <c r="M95" s="26">
        <v>42430</v>
      </c>
      <c r="N95" s="26">
        <v>46812</v>
      </c>
      <c r="O95" s="52"/>
      <c r="P95" s="52"/>
      <c r="Q95" s="52"/>
      <c r="R95" s="49" t="s">
        <v>1764</v>
      </c>
      <c r="S95" s="49" t="s">
        <v>1826</v>
      </c>
    </row>
    <row r="96" spans="1:19" s="54" customFormat="1" ht="46.5" customHeight="1" x14ac:dyDescent="0.15">
      <c r="A96" s="47" t="s">
        <v>1459</v>
      </c>
      <c r="B96" s="48" t="str">
        <f>IFERROR(VLOOKUP($A96,削除禁止!$A$1:$J$42,2,0),"")</f>
        <v>短期入所</v>
      </c>
      <c r="C96" s="10">
        <v>1610101923</v>
      </c>
      <c r="D96" s="10"/>
      <c r="E96" s="10"/>
      <c r="F96" s="16" t="s">
        <v>1319</v>
      </c>
      <c r="G96" s="10">
        <v>2</v>
      </c>
      <c r="H96" s="10" t="s">
        <v>743</v>
      </c>
      <c r="I96" s="16" t="s">
        <v>1335</v>
      </c>
      <c r="J96" s="10" t="s">
        <v>734</v>
      </c>
      <c r="K96" s="10" t="s">
        <v>734</v>
      </c>
      <c r="L96" s="51" t="s">
        <v>85</v>
      </c>
      <c r="M96" s="26">
        <v>42826</v>
      </c>
      <c r="N96" s="26">
        <v>47208</v>
      </c>
      <c r="O96" s="52"/>
      <c r="P96" s="52"/>
      <c r="Q96" s="52"/>
      <c r="R96" s="49" t="s">
        <v>1764</v>
      </c>
      <c r="S96" s="49" t="s">
        <v>1775</v>
      </c>
    </row>
    <row r="97" spans="1:19" s="54" customFormat="1" ht="46.5" customHeight="1" x14ac:dyDescent="0.15">
      <c r="A97" s="47" t="s">
        <v>1459</v>
      </c>
      <c r="B97" s="48" t="str">
        <f>IFERROR(VLOOKUP($A97,削除禁止!$A$1:$J$42,2,0),"")</f>
        <v>短期入所</v>
      </c>
      <c r="C97" s="10">
        <v>1610100040</v>
      </c>
      <c r="D97" s="10"/>
      <c r="E97" s="10"/>
      <c r="F97" s="16" t="s">
        <v>484</v>
      </c>
      <c r="G97" s="10"/>
      <c r="H97" s="10" t="s">
        <v>479</v>
      </c>
      <c r="I97" s="16" t="s">
        <v>1329</v>
      </c>
      <c r="J97" s="10" t="s">
        <v>486</v>
      </c>
      <c r="K97" s="10" t="s">
        <v>455</v>
      </c>
      <c r="L97" s="16" t="s">
        <v>389</v>
      </c>
      <c r="M97" s="26">
        <v>42979</v>
      </c>
      <c r="N97" s="26">
        <v>47361</v>
      </c>
      <c r="O97" s="52"/>
      <c r="P97" s="52"/>
      <c r="Q97" s="52"/>
      <c r="R97" s="49" t="s">
        <v>1764</v>
      </c>
      <c r="S97" s="49" t="s">
        <v>192</v>
      </c>
    </row>
    <row r="98" spans="1:19" s="54" customFormat="1" ht="46.5" customHeight="1" x14ac:dyDescent="0.15">
      <c r="A98" s="47" t="s">
        <v>1459</v>
      </c>
      <c r="B98" s="48" t="str">
        <f>IFERROR(VLOOKUP($A98,削除禁止!$A$1:$J$42,2,0),"")</f>
        <v>短期入所</v>
      </c>
      <c r="C98" s="10">
        <v>1610102111</v>
      </c>
      <c r="D98" s="10"/>
      <c r="E98" s="10" t="s">
        <v>651</v>
      </c>
      <c r="F98" s="51" t="s">
        <v>1168</v>
      </c>
      <c r="G98" s="10">
        <v>9</v>
      </c>
      <c r="H98" s="10" t="s">
        <v>575</v>
      </c>
      <c r="I98" s="16" t="s">
        <v>1381</v>
      </c>
      <c r="J98" s="10" t="s">
        <v>218</v>
      </c>
      <c r="K98" s="10" t="s">
        <v>1083</v>
      </c>
      <c r="L98" s="16" t="s">
        <v>1104</v>
      </c>
      <c r="M98" s="26">
        <v>43191</v>
      </c>
      <c r="N98" s="26">
        <v>47573</v>
      </c>
      <c r="O98" s="52"/>
      <c r="P98" s="52"/>
      <c r="Q98" s="52"/>
      <c r="R98" s="49" t="s">
        <v>1808</v>
      </c>
      <c r="S98" s="49" t="s">
        <v>1832</v>
      </c>
    </row>
    <row r="99" spans="1:19" s="54" customFormat="1" ht="46.5" customHeight="1" x14ac:dyDescent="0.15">
      <c r="A99" s="47" t="s">
        <v>1459</v>
      </c>
      <c r="B99" s="48" t="str">
        <f>IFERROR(VLOOKUP($A99,削除禁止!$A$1:$J$42,2,0),"")</f>
        <v>短期入所</v>
      </c>
      <c r="C99" s="10">
        <v>1610102244</v>
      </c>
      <c r="D99" s="10"/>
      <c r="E99" s="10"/>
      <c r="F99" s="51" t="s">
        <v>1097</v>
      </c>
      <c r="G99" s="10"/>
      <c r="H99" s="10" t="s">
        <v>479</v>
      </c>
      <c r="I99" s="16" t="s">
        <v>1329</v>
      </c>
      <c r="J99" s="10" t="s">
        <v>609</v>
      </c>
      <c r="K99" s="10" t="s">
        <v>496</v>
      </c>
      <c r="L99" s="16" t="s">
        <v>389</v>
      </c>
      <c r="M99" s="26">
        <v>43282</v>
      </c>
      <c r="N99" s="26">
        <v>45473</v>
      </c>
      <c r="O99" s="52"/>
      <c r="P99" s="52"/>
      <c r="Q99" s="52"/>
      <c r="R99" s="49" t="s">
        <v>1764</v>
      </c>
      <c r="S99" s="49" t="s">
        <v>192</v>
      </c>
    </row>
    <row r="100" spans="1:19" s="54" customFormat="1" ht="46.5" customHeight="1" x14ac:dyDescent="0.15">
      <c r="A100" s="47" t="s">
        <v>1459</v>
      </c>
      <c r="B100" s="48" t="str">
        <f>IFERROR(VLOOKUP($A100,削除禁止!$A$1:$J$42,2,0),"")</f>
        <v>短期入所</v>
      </c>
      <c r="C100" s="10">
        <v>1610102475</v>
      </c>
      <c r="D100" s="10"/>
      <c r="E100" s="10"/>
      <c r="F100" s="16" t="s">
        <v>871</v>
      </c>
      <c r="G100" s="10">
        <v>2</v>
      </c>
      <c r="H100" s="10" t="s">
        <v>382</v>
      </c>
      <c r="I100" s="16" t="s">
        <v>1337</v>
      </c>
      <c r="J100" s="10" t="s">
        <v>1108</v>
      </c>
      <c r="K100" s="10" t="s">
        <v>1499</v>
      </c>
      <c r="L100" s="16" t="s">
        <v>988</v>
      </c>
      <c r="M100" s="26">
        <v>43862</v>
      </c>
      <c r="N100" s="26">
        <v>46053</v>
      </c>
      <c r="O100" s="52"/>
      <c r="P100" s="52"/>
      <c r="Q100" s="52"/>
      <c r="R100" s="49" t="s">
        <v>1764</v>
      </c>
      <c r="S100" s="49" t="s">
        <v>1520</v>
      </c>
    </row>
    <row r="101" spans="1:19" s="54" customFormat="1" ht="46.5" customHeight="1" x14ac:dyDescent="0.15">
      <c r="A101" s="47" t="s">
        <v>1459</v>
      </c>
      <c r="B101" s="48" t="str">
        <f>IFERROR(VLOOKUP($A101,削除禁止!$A$1:$J$42,2,0),"")</f>
        <v>短期入所</v>
      </c>
      <c r="C101" s="10">
        <v>1610102509</v>
      </c>
      <c r="D101" s="10"/>
      <c r="E101" s="10"/>
      <c r="F101" s="16" t="s">
        <v>1102</v>
      </c>
      <c r="G101" s="10">
        <v>3</v>
      </c>
      <c r="H101" s="10" t="s">
        <v>620</v>
      </c>
      <c r="I101" s="16" t="s">
        <v>1673</v>
      </c>
      <c r="J101" s="10" t="s">
        <v>902</v>
      </c>
      <c r="K101" s="10" t="s">
        <v>904</v>
      </c>
      <c r="L101" s="16" t="s">
        <v>408</v>
      </c>
      <c r="M101" s="26">
        <v>43922</v>
      </c>
      <c r="N101" s="26">
        <v>46112</v>
      </c>
      <c r="O101" s="52"/>
      <c r="P101" s="52"/>
      <c r="Q101" s="52"/>
      <c r="R101" s="49" t="s">
        <v>1764</v>
      </c>
      <c r="S101" s="49" t="s">
        <v>1830</v>
      </c>
    </row>
    <row r="102" spans="1:19" s="54" customFormat="1" ht="46.5" customHeight="1" x14ac:dyDescent="0.15">
      <c r="A102" s="47" t="s">
        <v>1459</v>
      </c>
      <c r="B102" s="48" t="str">
        <f>IFERROR(VLOOKUP($A102,削除禁止!$A$1:$J$42,2,0),"")</f>
        <v>短期入所</v>
      </c>
      <c r="C102" s="10">
        <v>1610102624</v>
      </c>
      <c r="D102" s="10"/>
      <c r="E102" s="10"/>
      <c r="F102" s="16" t="s">
        <v>1103</v>
      </c>
      <c r="G102" s="10">
        <v>2</v>
      </c>
      <c r="H102" s="10" t="s">
        <v>910</v>
      </c>
      <c r="I102" s="16" t="s">
        <v>1338</v>
      </c>
      <c r="J102" s="10" t="s">
        <v>1500</v>
      </c>
      <c r="K102" s="10" t="s">
        <v>1258</v>
      </c>
      <c r="L102" s="16" t="s">
        <v>879</v>
      </c>
      <c r="M102" s="26">
        <v>44287</v>
      </c>
      <c r="N102" s="26">
        <v>46477</v>
      </c>
      <c r="O102" s="52"/>
      <c r="P102" s="52"/>
      <c r="Q102" s="52"/>
      <c r="R102" s="49" t="s">
        <v>1764</v>
      </c>
      <c r="S102" s="49" t="s">
        <v>1817</v>
      </c>
    </row>
    <row r="103" spans="1:19" s="54" customFormat="1" ht="46.5" customHeight="1" x14ac:dyDescent="0.15">
      <c r="A103" s="47" t="s">
        <v>1459</v>
      </c>
      <c r="B103" s="48" t="str">
        <f>IFERROR(VLOOKUP($A103,削除禁止!$A$1:$J$42,2,0),"")</f>
        <v>短期入所</v>
      </c>
      <c r="C103" s="11">
        <v>1610102764</v>
      </c>
      <c r="D103" s="12"/>
      <c r="E103" s="12"/>
      <c r="F103" s="55" t="s">
        <v>1538</v>
      </c>
      <c r="G103" s="12">
        <v>2</v>
      </c>
      <c r="H103" s="11" t="s">
        <v>1446</v>
      </c>
      <c r="I103" s="55" t="s">
        <v>1115</v>
      </c>
      <c r="J103" s="11" t="s">
        <v>412</v>
      </c>
      <c r="K103" s="10" t="s">
        <v>1477</v>
      </c>
      <c r="L103" s="19" t="s">
        <v>1646</v>
      </c>
      <c r="M103" s="56">
        <v>44682</v>
      </c>
      <c r="N103" s="56">
        <v>46873</v>
      </c>
      <c r="O103" s="52"/>
      <c r="P103" s="10"/>
      <c r="Q103" s="10"/>
      <c r="R103" s="49" t="s">
        <v>1764</v>
      </c>
      <c r="S103" s="49" t="s">
        <v>1817</v>
      </c>
    </row>
    <row r="104" spans="1:19" s="54" customFormat="1" ht="46.5" customHeight="1" x14ac:dyDescent="0.15">
      <c r="A104" s="47" t="s">
        <v>42</v>
      </c>
      <c r="B104" s="48" t="str">
        <f>IFERROR(VLOOKUP($A104,削除禁止!$A$1:$J$42,2,0),"")</f>
        <v>通所系</v>
      </c>
      <c r="C104" s="10">
        <v>1610100628</v>
      </c>
      <c r="D104" s="10" t="s">
        <v>651</v>
      </c>
      <c r="E104" s="10"/>
      <c r="F104" s="16" t="s">
        <v>1254</v>
      </c>
      <c r="G104" s="10">
        <v>14</v>
      </c>
      <c r="H104" s="10" t="s">
        <v>24</v>
      </c>
      <c r="I104" s="16" t="s">
        <v>1674</v>
      </c>
      <c r="J104" s="10" t="s">
        <v>178</v>
      </c>
      <c r="K104" s="10" t="s">
        <v>182</v>
      </c>
      <c r="L104" s="16" t="s">
        <v>1146</v>
      </c>
      <c r="M104" s="26">
        <v>38991</v>
      </c>
      <c r="N104" s="26">
        <v>45565</v>
      </c>
      <c r="O104" s="52"/>
      <c r="P104" s="52"/>
      <c r="Q104" s="52"/>
      <c r="R104" s="49" t="s">
        <v>1764</v>
      </c>
      <c r="S104" s="49" t="s">
        <v>1826</v>
      </c>
    </row>
    <row r="105" spans="1:19" s="54" customFormat="1" ht="46.5" customHeight="1" x14ac:dyDescent="0.15">
      <c r="A105" s="47" t="s">
        <v>42</v>
      </c>
      <c r="B105" s="48" t="str">
        <f>IFERROR(VLOOKUP($A105,削除禁止!$A$1:$J$42,2,0),"")</f>
        <v>通所系</v>
      </c>
      <c r="C105" s="10">
        <v>1610103036</v>
      </c>
      <c r="D105" s="10"/>
      <c r="E105" s="10"/>
      <c r="F105" s="16" t="s">
        <v>1993</v>
      </c>
      <c r="G105" s="10">
        <v>20</v>
      </c>
      <c r="H105" s="10" t="s">
        <v>578</v>
      </c>
      <c r="I105" s="16" t="s">
        <v>1994</v>
      </c>
      <c r="J105" s="10" t="s">
        <v>300</v>
      </c>
      <c r="K105" s="10" t="s">
        <v>580</v>
      </c>
      <c r="L105" s="16" t="s">
        <v>1992</v>
      </c>
      <c r="M105" s="26">
        <v>45383</v>
      </c>
      <c r="N105" s="26">
        <v>47573</v>
      </c>
      <c r="O105" s="52"/>
      <c r="P105" s="52"/>
      <c r="Q105" s="52"/>
      <c r="R105" s="49" t="s">
        <v>1764</v>
      </c>
      <c r="S105" s="49" t="s">
        <v>1519</v>
      </c>
    </row>
    <row r="106" spans="1:19" s="54" customFormat="1" ht="46.5" customHeight="1" x14ac:dyDescent="0.15">
      <c r="A106" s="47" t="s">
        <v>42</v>
      </c>
      <c r="B106" s="48" t="str">
        <f>IFERROR(VLOOKUP($A106,削除禁止!$A$1:$J$42,2,0),"")</f>
        <v>通所系</v>
      </c>
      <c r="C106" s="10">
        <v>1610100073</v>
      </c>
      <c r="D106" s="10"/>
      <c r="E106" s="10"/>
      <c r="F106" s="16" t="s">
        <v>425</v>
      </c>
      <c r="G106" s="10">
        <v>40</v>
      </c>
      <c r="H106" s="10" t="s">
        <v>409</v>
      </c>
      <c r="I106" s="16" t="s">
        <v>1608</v>
      </c>
      <c r="J106" s="10" t="s">
        <v>410</v>
      </c>
      <c r="K106" s="10" t="s">
        <v>415</v>
      </c>
      <c r="L106" s="16" t="s">
        <v>407</v>
      </c>
      <c r="M106" s="26">
        <v>39173</v>
      </c>
      <c r="N106" s="26">
        <v>45747</v>
      </c>
      <c r="O106" s="52"/>
      <c r="P106" s="52"/>
      <c r="Q106" s="52"/>
      <c r="R106" s="49" t="s">
        <v>1764</v>
      </c>
      <c r="S106" s="49" t="s">
        <v>1704</v>
      </c>
    </row>
    <row r="107" spans="1:19" s="54" customFormat="1" ht="46.5" customHeight="1" x14ac:dyDescent="0.15">
      <c r="A107" s="47" t="s">
        <v>42</v>
      </c>
      <c r="B107" s="48" t="str">
        <f>IFERROR(VLOOKUP($A107,削除禁止!$A$1:$J$42,2,0),"")</f>
        <v>通所系</v>
      </c>
      <c r="C107" s="10">
        <v>1610100180</v>
      </c>
      <c r="D107" s="10" t="s">
        <v>651</v>
      </c>
      <c r="E107" s="10"/>
      <c r="F107" s="16" t="s">
        <v>1141</v>
      </c>
      <c r="G107" s="10">
        <v>40</v>
      </c>
      <c r="H107" s="10" t="s">
        <v>409</v>
      </c>
      <c r="I107" s="16" t="s">
        <v>1341</v>
      </c>
      <c r="J107" s="10" t="s">
        <v>312</v>
      </c>
      <c r="K107" s="10" t="s">
        <v>423</v>
      </c>
      <c r="L107" s="16" t="s">
        <v>407</v>
      </c>
      <c r="M107" s="26">
        <v>39173</v>
      </c>
      <c r="N107" s="26">
        <v>45747</v>
      </c>
      <c r="O107" s="52"/>
      <c r="P107" s="52"/>
      <c r="Q107" s="52"/>
      <c r="R107" s="49" t="s">
        <v>1764</v>
      </c>
      <c r="S107" s="49" t="s">
        <v>1704</v>
      </c>
    </row>
    <row r="108" spans="1:19" s="54" customFormat="1" ht="46.5" customHeight="1" x14ac:dyDescent="0.15">
      <c r="A108" s="47" t="s">
        <v>42</v>
      </c>
      <c r="B108" s="48" t="str">
        <f>IFERROR(VLOOKUP($A108,削除禁止!$A$1:$J$42,2,0),"")</f>
        <v>通所系</v>
      </c>
      <c r="C108" s="10">
        <v>1610100032</v>
      </c>
      <c r="D108" s="10"/>
      <c r="E108" s="10"/>
      <c r="F108" s="16" t="s">
        <v>170</v>
      </c>
      <c r="G108" s="10">
        <v>70</v>
      </c>
      <c r="H108" s="10" t="s">
        <v>1541</v>
      </c>
      <c r="I108" s="16" t="s">
        <v>1330</v>
      </c>
      <c r="J108" s="10" t="s">
        <v>267</v>
      </c>
      <c r="K108" s="10" t="s">
        <v>276</v>
      </c>
      <c r="L108" s="16" t="s">
        <v>279</v>
      </c>
      <c r="M108" s="26">
        <v>40269</v>
      </c>
      <c r="N108" s="26">
        <v>46843</v>
      </c>
      <c r="O108" s="52"/>
      <c r="P108" s="52"/>
      <c r="Q108" s="52"/>
      <c r="R108" s="49" t="s">
        <v>1808</v>
      </c>
      <c r="S108" s="49" t="s">
        <v>1767</v>
      </c>
    </row>
    <row r="109" spans="1:19" s="54" customFormat="1" ht="46.5" customHeight="1" x14ac:dyDescent="0.15">
      <c r="A109" s="47" t="s">
        <v>42</v>
      </c>
      <c r="B109" s="48" t="str">
        <f>IFERROR(VLOOKUP($A109,削除禁止!$A$1:$J$42,2,0),"")</f>
        <v>通所系</v>
      </c>
      <c r="C109" s="10">
        <v>1610100081</v>
      </c>
      <c r="D109" s="10"/>
      <c r="E109" s="10"/>
      <c r="F109" s="16" t="s">
        <v>390</v>
      </c>
      <c r="G109" s="10">
        <v>60</v>
      </c>
      <c r="H109" s="10" t="s">
        <v>1541</v>
      </c>
      <c r="I109" s="16" t="s">
        <v>1330</v>
      </c>
      <c r="J109" s="10" t="s">
        <v>267</v>
      </c>
      <c r="K109" s="10" t="s">
        <v>276</v>
      </c>
      <c r="L109" s="16" t="s">
        <v>279</v>
      </c>
      <c r="M109" s="26">
        <v>40269</v>
      </c>
      <c r="N109" s="26">
        <v>46843</v>
      </c>
      <c r="O109" s="52"/>
      <c r="P109" s="52"/>
      <c r="Q109" s="52"/>
      <c r="R109" s="49" t="s">
        <v>1808</v>
      </c>
      <c r="S109" s="49" t="s">
        <v>1767</v>
      </c>
    </row>
    <row r="110" spans="1:19" s="54" customFormat="1" ht="46.5" customHeight="1" x14ac:dyDescent="0.15">
      <c r="A110" s="47" t="s">
        <v>42</v>
      </c>
      <c r="B110" s="48" t="str">
        <f>IFERROR(VLOOKUP($A110,削除禁止!$A$1:$J$42,2,0),"")</f>
        <v>通所系</v>
      </c>
      <c r="C110" s="10">
        <v>1610100099</v>
      </c>
      <c r="D110" s="10"/>
      <c r="E110" s="10"/>
      <c r="F110" s="16" t="s">
        <v>398</v>
      </c>
      <c r="G110" s="10">
        <v>80</v>
      </c>
      <c r="H110" s="10" t="s">
        <v>1541</v>
      </c>
      <c r="I110" s="16" t="s">
        <v>1330</v>
      </c>
      <c r="J110" s="10" t="s">
        <v>267</v>
      </c>
      <c r="K110" s="10" t="s">
        <v>276</v>
      </c>
      <c r="L110" s="16" t="s">
        <v>279</v>
      </c>
      <c r="M110" s="26">
        <v>40269</v>
      </c>
      <c r="N110" s="26">
        <v>46843</v>
      </c>
      <c r="O110" s="52"/>
      <c r="P110" s="52"/>
      <c r="Q110" s="52"/>
      <c r="R110" s="49" t="s">
        <v>1808</v>
      </c>
      <c r="S110" s="49" t="s">
        <v>1767</v>
      </c>
    </row>
    <row r="111" spans="1:19" s="54" customFormat="1" ht="46.5" customHeight="1" x14ac:dyDescent="0.15">
      <c r="A111" s="47" t="s">
        <v>42</v>
      </c>
      <c r="B111" s="48" t="str">
        <f>IFERROR(VLOOKUP($A111,削除禁止!$A$1:$J$42,2,0),"")</f>
        <v>通所系</v>
      </c>
      <c r="C111" s="10">
        <v>1610100107</v>
      </c>
      <c r="D111" s="10"/>
      <c r="E111" s="10"/>
      <c r="F111" s="16" t="s">
        <v>165</v>
      </c>
      <c r="G111" s="10">
        <v>50</v>
      </c>
      <c r="H111" s="10" t="s">
        <v>1541</v>
      </c>
      <c r="I111" s="16" t="s">
        <v>1330</v>
      </c>
      <c r="J111" s="10" t="s">
        <v>267</v>
      </c>
      <c r="K111" s="10" t="s">
        <v>276</v>
      </c>
      <c r="L111" s="16" t="s">
        <v>279</v>
      </c>
      <c r="M111" s="26">
        <v>40269</v>
      </c>
      <c r="N111" s="26">
        <v>46843</v>
      </c>
      <c r="O111" s="52"/>
      <c r="P111" s="52"/>
      <c r="Q111" s="52"/>
      <c r="R111" s="49" t="s">
        <v>1808</v>
      </c>
      <c r="S111" s="49" t="s">
        <v>1767</v>
      </c>
    </row>
    <row r="112" spans="1:19" s="54" customFormat="1" ht="46.5" customHeight="1" x14ac:dyDescent="0.15">
      <c r="A112" s="47" t="s">
        <v>42</v>
      </c>
      <c r="B112" s="48" t="str">
        <f>IFERROR(VLOOKUP($A112,削除禁止!$A$1:$J$42,2,0),"")</f>
        <v>通所系</v>
      </c>
      <c r="C112" s="10">
        <v>1610100149</v>
      </c>
      <c r="D112" s="10" t="s">
        <v>651</v>
      </c>
      <c r="E112" s="10"/>
      <c r="F112" s="16" t="s">
        <v>2003</v>
      </c>
      <c r="G112" s="10">
        <v>34</v>
      </c>
      <c r="H112" s="10" t="s">
        <v>1541</v>
      </c>
      <c r="I112" s="16" t="s">
        <v>1330</v>
      </c>
      <c r="J112" s="10" t="s">
        <v>267</v>
      </c>
      <c r="K112" s="10" t="s">
        <v>276</v>
      </c>
      <c r="L112" s="16" t="s">
        <v>279</v>
      </c>
      <c r="M112" s="26">
        <v>40269</v>
      </c>
      <c r="N112" s="26">
        <v>46843</v>
      </c>
      <c r="O112" s="52"/>
      <c r="P112" s="52"/>
      <c r="Q112" s="52"/>
      <c r="R112" s="49" t="s">
        <v>1808</v>
      </c>
      <c r="S112" s="49" t="s">
        <v>1767</v>
      </c>
    </row>
    <row r="113" spans="1:19" s="54" customFormat="1" ht="46.5" customHeight="1" x14ac:dyDescent="0.15">
      <c r="A113" s="47" t="s">
        <v>42</v>
      </c>
      <c r="B113" s="48" t="str">
        <f>IFERROR(VLOOKUP($A113,削除禁止!$A$1:$J$42,2,0),"")</f>
        <v>通所系</v>
      </c>
      <c r="C113" s="10">
        <v>1610100172</v>
      </c>
      <c r="D113" s="10"/>
      <c r="E113" s="10"/>
      <c r="F113" s="16" t="s">
        <v>395</v>
      </c>
      <c r="G113" s="10">
        <v>80</v>
      </c>
      <c r="H113" s="10" t="s">
        <v>1541</v>
      </c>
      <c r="I113" s="16" t="s">
        <v>1330</v>
      </c>
      <c r="J113" s="10" t="s">
        <v>267</v>
      </c>
      <c r="K113" s="10" t="s">
        <v>276</v>
      </c>
      <c r="L113" s="16" t="s">
        <v>279</v>
      </c>
      <c r="M113" s="26">
        <v>40269</v>
      </c>
      <c r="N113" s="26">
        <v>46843</v>
      </c>
      <c r="O113" s="52"/>
      <c r="P113" s="52"/>
      <c r="Q113" s="52"/>
      <c r="R113" s="49" t="s">
        <v>1808</v>
      </c>
      <c r="S113" s="49" t="s">
        <v>1767</v>
      </c>
    </row>
    <row r="114" spans="1:19" s="54" customFormat="1" ht="46.5" customHeight="1" x14ac:dyDescent="0.15">
      <c r="A114" s="47" t="s">
        <v>42</v>
      </c>
      <c r="B114" s="48" t="str">
        <f>IFERROR(VLOOKUP($A114,削除禁止!$A$1:$J$42,2,0),"")</f>
        <v>通所系</v>
      </c>
      <c r="C114" s="10">
        <v>1610100933</v>
      </c>
      <c r="D114" s="10"/>
      <c r="E114" s="10"/>
      <c r="F114" s="16" t="s">
        <v>388</v>
      </c>
      <c r="G114" s="10">
        <v>50</v>
      </c>
      <c r="H114" s="10" t="s">
        <v>1541</v>
      </c>
      <c r="I114" s="16" t="s">
        <v>1330</v>
      </c>
      <c r="J114" s="10" t="s">
        <v>267</v>
      </c>
      <c r="K114" s="10" t="s">
        <v>276</v>
      </c>
      <c r="L114" s="16" t="s">
        <v>279</v>
      </c>
      <c r="M114" s="26">
        <v>40269</v>
      </c>
      <c r="N114" s="26">
        <v>46843</v>
      </c>
      <c r="O114" s="52"/>
      <c r="P114" s="52"/>
      <c r="Q114" s="52"/>
      <c r="R114" s="49" t="s">
        <v>1808</v>
      </c>
      <c r="S114" s="49" t="s">
        <v>1767</v>
      </c>
    </row>
    <row r="115" spans="1:19" s="54" customFormat="1" ht="46.5" customHeight="1" x14ac:dyDescent="0.15">
      <c r="A115" s="47" t="s">
        <v>42</v>
      </c>
      <c r="B115" s="48" t="str">
        <f>IFERROR(VLOOKUP($A115,削除禁止!$A$1:$J$42,2,0),"")</f>
        <v>通所系</v>
      </c>
      <c r="C115" s="10">
        <v>1610100909</v>
      </c>
      <c r="D115" s="10"/>
      <c r="E115" s="10"/>
      <c r="F115" s="16" t="s">
        <v>1213</v>
      </c>
      <c r="G115" s="10">
        <v>20</v>
      </c>
      <c r="H115" s="10" t="s">
        <v>466</v>
      </c>
      <c r="I115" s="16" t="s">
        <v>1334</v>
      </c>
      <c r="J115" s="10" t="s">
        <v>1498</v>
      </c>
      <c r="K115" s="10" t="s">
        <v>1289</v>
      </c>
      <c r="L115" s="16" t="s">
        <v>458</v>
      </c>
      <c r="M115" s="26">
        <v>40269</v>
      </c>
      <c r="N115" s="26">
        <v>46843</v>
      </c>
      <c r="O115" s="52"/>
      <c r="P115" s="52"/>
      <c r="Q115" s="52"/>
      <c r="R115" s="49" t="s">
        <v>1764</v>
      </c>
      <c r="S115" s="49" t="s">
        <v>366</v>
      </c>
    </row>
    <row r="116" spans="1:19" s="54" customFormat="1" ht="46.5" customHeight="1" x14ac:dyDescent="0.15">
      <c r="A116" s="47" t="s">
        <v>42</v>
      </c>
      <c r="B116" s="48" t="str">
        <f>IFERROR(VLOOKUP($A116,削除禁止!$A$1:$J$42,2,0),"")</f>
        <v>通所系</v>
      </c>
      <c r="C116" s="10">
        <v>1610100974</v>
      </c>
      <c r="D116" s="10" t="s">
        <v>651</v>
      </c>
      <c r="E116" s="10"/>
      <c r="F116" s="16" t="s">
        <v>1158</v>
      </c>
      <c r="G116" s="10">
        <v>12</v>
      </c>
      <c r="H116" s="10" t="s">
        <v>302</v>
      </c>
      <c r="I116" s="16" t="s">
        <v>1675</v>
      </c>
      <c r="J116" s="10" t="s">
        <v>100</v>
      </c>
      <c r="K116" s="10" t="s">
        <v>456</v>
      </c>
      <c r="L116" s="16" t="s">
        <v>453</v>
      </c>
      <c r="M116" s="26">
        <v>40299</v>
      </c>
      <c r="N116" s="26">
        <v>46873</v>
      </c>
      <c r="O116" s="52"/>
      <c r="P116" s="52"/>
      <c r="Q116" s="52"/>
      <c r="R116" s="49" t="s">
        <v>1808</v>
      </c>
      <c r="S116" s="49" t="s">
        <v>1832</v>
      </c>
    </row>
    <row r="117" spans="1:19" s="54" customFormat="1" ht="46.5" customHeight="1" x14ac:dyDescent="0.15">
      <c r="A117" s="47" t="s">
        <v>42</v>
      </c>
      <c r="B117" s="48" t="str">
        <f>IFERROR(VLOOKUP($A117,削除禁止!$A$1:$J$42,2,0),"")</f>
        <v>通所系</v>
      </c>
      <c r="C117" s="10">
        <v>1610100115</v>
      </c>
      <c r="D117" s="10"/>
      <c r="E117" s="10"/>
      <c r="F117" s="16" t="s">
        <v>329</v>
      </c>
      <c r="G117" s="10">
        <v>58</v>
      </c>
      <c r="H117" s="10" t="s">
        <v>325</v>
      </c>
      <c r="I117" s="16" t="s">
        <v>1672</v>
      </c>
      <c r="J117" s="10" t="s">
        <v>334</v>
      </c>
      <c r="K117" s="10" t="s">
        <v>59</v>
      </c>
      <c r="L117" s="16" t="s">
        <v>469</v>
      </c>
      <c r="M117" s="26">
        <v>40634</v>
      </c>
      <c r="N117" s="26">
        <v>47208</v>
      </c>
      <c r="O117" s="52"/>
      <c r="P117" s="52"/>
      <c r="Q117" s="52"/>
      <c r="R117" s="49" t="s">
        <v>1809</v>
      </c>
      <c r="S117" s="49" t="s">
        <v>1485</v>
      </c>
    </row>
    <row r="118" spans="1:19" s="54" customFormat="1" ht="46.5" customHeight="1" x14ac:dyDescent="0.15">
      <c r="A118" s="47" t="s">
        <v>42</v>
      </c>
      <c r="B118" s="48" t="str">
        <f>IFERROR(VLOOKUP($A118,削除禁止!$A$1:$J$42,2,0),"")</f>
        <v>通所系</v>
      </c>
      <c r="C118" s="10">
        <v>1610100156</v>
      </c>
      <c r="D118" s="10" t="s">
        <v>651</v>
      </c>
      <c r="E118" s="10"/>
      <c r="F118" s="16" t="s">
        <v>471</v>
      </c>
      <c r="G118" s="10">
        <v>20</v>
      </c>
      <c r="H118" s="10" t="s">
        <v>472</v>
      </c>
      <c r="I118" s="16" t="s">
        <v>877</v>
      </c>
      <c r="J118" s="10" t="s">
        <v>473</v>
      </c>
      <c r="K118" s="10" t="s">
        <v>475</v>
      </c>
      <c r="L118" s="16" t="s">
        <v>469</v>
      </c>
      <c r="M118" s="26">
        <v>40634</v>
      </c>
      <c r="N118" s="26">
        <v>47208</v>
      </c>
      <c r="O118" s="52"/>
      <c r="P118" s="52"/>
      <c r="Q118" s="52"/>
      <c r="R118" s="49" t="s">
        <v>1809</v>
      </c>
      <c r="S118" s="49" t="s">
        <v>175</v>
      </c>
    </row>
    <row r="119" spans="1:19" s="54" customFormat="1" ht="46.5" customHeight="1" x14ac:dyDescent="0.15">
      <c r="A119" s="47" t="s">
        <v>42</v>
      </c>
      <c r="B119" s="48" t="str">
        <f>IFERROR(VLOOKUP($A119,削除禁止!$A$1:$J$42,2,0),"")</f>
        <v>通所系</v>
      </c>
      <c r="C119" s="10">
        <v>1610101089</v>
      </c>
      <c r="D119" s="10"/>
      <c r="E119" s="10"/>
      <c r="F119" s="16" t="s">
        <v>238</v>
      </c>
      <c r="G119" s="10">
        <v>20</v>
      </c>
      <c r="H119" s="10" t="s">
        <v>325</v>
      </c>
      <c r="I119" s="16" t="s">
        <v>1676</v>
      </c>
      <c r="J119" s="10" t="s">
        <v>230</v>
      </c>
      <c r="K119" s="10" t="s">
        <v>230</v>
      </c>
      <c r="L119" s="16" t="s">
        <v>469</v>
      </c>
      <c r="M119" s="26">
        <v>40634</v>
      </c>
      <c r="N119" s="26">
        <v>47208</v>
      </c>
      <c r="O119" s="52"/>
      <c r="P119" s="52"/>
      <c r="Q119" s="52"/>
      <c r="R119" s="49" t="s">
        <v>1809</v>
      </c>
      <c r="S119" s="49" t="s">
        <v>1485</v>
      </c>
    </row>
    <row r="120" spans="1:19" s="54" customFormat="1" ht="46.5" customHeight="1" x14ac:dyDescent="0.15">
      <c r="A120" s="47" t="s">
        <v>42</v>
      </c>
      <c r="B120" s="48" t="str">
        <f>IFERROR(VLOOKUP($A120,削除禁止!$A$1:$J$42,2,0),"")</f>
        <v>通所系</v>
      </c>
      <c r="C120" s="10">
        <v>1610101071</v>
      </c>
      <c r="D120" s="10" t="s">
        <v>651</v>
      </c>
      <c r="E120" s="10"/>
      <c r="F120" s="16" t="s">
        <v>518</v>
      </c>
      <c r="G120" s="10">
        <v>6</v>
      </c>
      <c r="H120" s="10" t="s">
        <v>217</v>
      </c>
      <c r="I120" s="16" t="s">
        <v>1793</v>
      </c>
      <c r="J120" s="10" t="s">
        <v>56</v>
      </c>
      <c r="K120" s="10" t="s">
        <v>56</v>
      </c>
      <c r="L120" s="16" t="s">
        <v>515</v>
      </c>
      <c r="M120" s="26">
        <v>40634</v>
      </c>
      <c r="N120" s="26">
        <v>47208</v>
      </c>
      <c r="O120" s="52"/>
      <c r="P120" s="52"/>
      <c r="Q120" s="52"/>
      <c r="R120" s="49" t="s">
        <v>1764</v>
      </c>
      <c r="S120" s="49" t="s">
        <v>1794</v>
      </c>
    </row>
    <row r="121" spans="1:19" s="54" customFormat="1" ht="46.5" customHeight="1" x14ac:dyDescent="0.15">
      <c r="A121" s="47" t="s">
        <v>42</v>
      </c>
      <c r="B121" s="48" t="str">
        <f>IFERROR(VLOOKUP($A121,削除禁止!$A$1:$J$42,2,0),"")</f>
        <v>通所系</v>
      </c>
      <c r="C121" s="10">
        <v>1610100131</v>
      </c>
      <c r="D121" s="10"/>
      <c r="E121" s="10"/>
      <c r="F121" s="16" t="s">
        <v>591</v>
      </c>
      <c r="G121" s="10">
        <v>40</v>
      </c>
      <c r="H121" s="10" t="s">
        <v>123</v>
      </c>
      <c r="I121" s="16" t="s">
        <v>1002</v>
      </c>
      <c r="J121" s="10" t="s">
        <v>594</v>
      </c>
      <c r="K121" s="10" t="s">
        <v>598</v>
      </c>
      <c r="L121" s="16" t="s">
        <v>452</v>
      </c>
      <c r="M121" s="26">
        <v>40878</v>
      </c>
      <c r="N121" s="26">
        <v>47452</v>
      </c>
      <c r="O121" s="52"/>
      <c r="P121" s="52"/>
      <c r="Q121" s="52"/>
      <c r="R121" s="49" t="s">
        <v>1764</v>
      </c>
      <c r="S121" s="49" t="s">
        <v>1819</v>
      </c>
    </row>
    <row r="122" spans="1:19" s="54" customFormat="1" ht="46.5" customHeight="1" x14ac:dyDescent="0.15">
      <c r="A122" s="47" t="s">
        <v>42</v>
      </c>
      <c r="B122" s="48" t="str">
        <f>IFERROR(VLOOKUP($A122,削除禁止!$A$1:$J$42,2,0),"")</f>
        <v>通所系</v>
      </c>
      <c r="C122" s="10">
        <v>1610100164</v>
      </c>
      <c r="D122" s="10"/>
      <c r="E122" s="10"/>
      <c r="F122" s="16" t="s">
        <v>1162</v>
      </c>
      <c r="G122" s="10">
        <v>20</v>
      </c>
      <c r="H122" s="10" t="s">
        <v>360</v>
      </c>
      <c r="I122" s="16" t="s">
        <v>1340</v>
      </c>
      <c r="J122" s="10" t="s">
        <v>603</v>
      </c>
      <c r="K122" s="10" t="s">
        <v>186</v>
      </c>
      <c r="L122" s="16" t="s">
        <v>452</v>
      </c>
      <c r="M122" s="26">
        <v>40878</v>
      </c>
      <c r="N122" s="26">
        <v>47452</v>
      </c>
      <c r="O122" s="52"/>
      <c r="P122" s="52"/>
      <c r="Q122" s="52"/>
      <c r="R122" s="49" t="s">
        <v>1008</v>
      </c>
      <c r="S122" s="49" t="s">
        <v>1836</v>
      </c>
    </row>
    <row r="123" spans="1:19" s="54" customFormat="1" ht="46.5" customHeight="1" x14ac:dyDescent="0.15">
      <c r="A123" s="47" t="s">
        <v>42</v>
      </c>
      <c r="B123" s="48" t="str">
        <f>IFERROR(VLOOKUP($A123,削除禁止!$A$1:$J$42,2,0),"")</f>
        <v>通所系</v>
      </c>
      <c r="C123" s="10">
        <v>1610100602</v>
      </c>
      <c r="D123" s="10"/>
      <c r="E123" s="10"/>
      <c r="F123" s="16" t="s">
        <v>600</v>
      </c>
      <c r="G123" s="10">
        <v>20</v>
      </c>
      <c r="H123" s="10" t="s">
        <v>123</v>
      </c>
      <c r="I123" s="16" t="s">
        <v>1002</v>
      </c>
      <c r="J123" s="10" t="s">
        <v>594</v>
      </c>
      <c r="K123" s="10" t="s">
        <v>598</v>
      </c>
      <c r="L123" s="16" t="s">
        <v>452</v>
      </c>
      <c r="M123" s="26">
        <v>40878</v>
      </c>
      <c r="N123" s="26">
        <v>47452</v>
      </c>
      <c r="O123" s="52"/>
      <c r="P123" s="52"/>
      <c r="Q123" s="52"/>
      <c r="R123" s="49" t="s">
        <v>1764</v>
      </c>
      <c r="S123" s="49" t="s">
        <v>1819</v>
      </c>
    </row>
    <row r="124" spans="1:19" s="54" customFormat="1" ht="46.5" customHeight="1" x14ac:dyDescent="0.15">
      <c r="A124" s="47" t="s">
        <v>42</v>
      </c>
      <c r="B124" s="48" t="str">
        <f>IFERROR(VLOOKUP($A124,削除禁止!$A$1:$J$42,2,0),"")</f>
        <v>通所系</v>
      </c>
      <c r="C124" s="10">
        <v>1610101147</v>
      </c>
      <c r="D124" s="10"/>
      <c r="E124" s="10"/>
      <c r="F124" s="16" t="s">
        <v>1588</v>
      </c>
      <c r="G124" s="10">
        <v>20</v>
      </c>
      <c r="H124" s="10" t="s">
        <v>582</v>
      </c>
      <c r="I124" s="16" t="s">
        <v>893</v>
      </c>
      <c r="J124" s="10" t="s">
        <v>405</v>
      </c>
      <c r="K124" s="10" t="s">
        <v>584</v>
      </c>
      <c r="L124" s="52" t="s">
        <v>1642</v>
      </c>
      <c r="M124" s="26">
        <v>40909</v>
      </c>
      <c r="N124" s="26">
        <v>47483</v>
      </c>
      <c r="O124" s="52"/>
      <c r="P124" s="52"/>
      <c r="Q124" s="52"/>
      <c r="R124" s="49" t="s">
        <v>1764</v>
      </c>
      <c r="S124" s="49" t="s">
        <v>1825</v>
      </c>
    </row>
    <row r="125" spans="1:19" s="54" customFormat="1" ht="46.5" customHeight="1" x14ac:dyDescent="0.15">
      <c r="A125" s="47" t="s">
        <v>42</v>
      </c>
      <c r="B125" s="48" t="str">
        <f>IFERROR(VLOOKUP($A125,削除禁止!$A$1:$J$42,2,0),"")</f>
        <v>通所系</v>
      </c>
      <c r="C125" s="10">
        <v>1610100065</v>
      </c>
      <c r="D125" s="10"/>
      <c r="E125" s="10"/>
      <c r="F125" s="16" t="s">
        <v>348</v>
      </c>
      <c r="G125" s="10">
        <v>20</v>
      </c>
      <c r="H125" s="10" t="s">
        <v>447</v>
      </c>
      <c r="I125" s="16" t="s">
        <v>930</v>
      </c>
      <c r="J125" s="10" t="s">
        <v>449</v>
      </c>
      <c r="K125" s="10" t="s">
        <v>336</v>
      </c>
      <c r="L125" s="16" t="s">
        <v>281</v>
      </c>
      <c r="M125" s="26">
        <v>41000</v>
      </c>
      <c r="N125" s="26">
        <v>47573</v>
      </c>
      <c r="O125" s="52"/>
      <c r="P125" s="52"/>
      <c r="Q125" s="52"/>
      <c r="R125" s="49" t="s">
        <v>1764</v>
      </c>
      <c r="S125" s="49" t="s">
        <v>1815</v>
      </c>
    </row>
    <row r="126" spans="1:19" s="54" customFormat="1" ht="46.5" customHeight="1" x14ac:dyDescent="0.15">
      <c r="A126" s="47" t="s">
        <v>42</v>
      </c>
      <c r="B126" s="48" t="str">
        <f>IFERROR(VLOOKUP($A126,削除禁止!$A$1:$J$42,2,0),"")</f>
        <v>通所系</v>
      </c>
      <c r="C126" s="10">
        <v>1610100123</v>
      </c>
      <c r="D126" s="10"/>
      <c r="E126" s="10"/>
      <c r="F126" s="16" t="s">
        <v>299</v>
      </c>
      <c r="G126" s="10">
        <v>60</v>
      </c>
      <c r="H126" s="10" t="s">
        <v>136</v>
      </c>
      <c r="I126" s="16" t="s">
        <v>1169</v>
      </c>
      <c r="J126" s="10" t="s">
        <v>295</v>
      </c>
      <c r="K126" s="10" t="s">
        <v>297</v>
      </c>
      <c r="L126" s="16" t="s">
        <v>452</v>
      </c>
      <c r="M126" s="26">
        <v>41000</v>
      </c>
      <c r="N126" s="26">
        <v>47573</v>
      </c>
      <c r="O126" s="52"/>
      <c r="P126" s="52"/>
      <c r="Q126" s="52"/>
      <c r="R126" s="49" t="s">
        <v>1810</v>
      </c>
      <c r="S126" s="49" t="s">
        <v>1837</v>
      </c>
    </row>
    <row r="127" spans="1:19" s="54" customFormat="1" ht="46.5" customHeight="1" x14ac:dyDescent="0.15">
      <c r="A127" s="47" t="s">
        <v>42</v>
      </c>
      <c r="B127" s="48" t="str">
        <f>IFERROR(VLOOKUP($A127,削除禁止!$A$1:$J$42,2,0),"")</f>
        <v>通所系</v>
      </c>
      <c r="C127" s="10">
        <v>1610100024</v>
      </c>
      <c r="D127" s="10"/>
      <c r="E127" s="10"/>
      <c r="F127" s="16" t="s">
        <v>465</v>
      </c>
      <c r="G127" s="10">
        <v>69</v>
      </c>
      <c r="H127" s="10" t="s">
        <v>479</v>
      </c>
      <c r="I127" s="16" t="s">
        <v>1329</v>
      </c>
      <c r="J127" s="10" t="s">
        <v>481</v>
      </c>
      <c r="K127" s="10" t="s">
        <v>370</v>
      </c>
      <c r="L127" s="16" t="s">
        <v>389</v>
      </c>
      <c r="M127" s="26">
        <v>41000</v>
      </c>
      <c r="N127" s="26">
        <v>47573</v>
      </c>
      <c r="O127" s="52"/>
      <c r="P127" s="52"/>
      <c r="Q127" s="52"/>
      <c r="R127" s="49" t="s">
        <v>1764</v>
      </c>
      <c r="S127" s="49" t="s">
        <v>192</v>
      </c>
    </row>
    <row r="128" spans="1:19" s="54" customFormat="1" ht="46.5" customHeight="1" x14ac:dyDescent="0.15">
      <c r="A128" s="47" t="s">
        <v>42</v>
      </c>
      <c r="B128" s="48" t="str">
        <f>IFERROR(VLOOKUP($A128,削除禁止!$A$1:$J$42,2,0),"")</f>
        <v>通所系</v>
      </c>
      <c r="C128" s="10">
        <v>1610100040</v>
      </c>
      <c r="D128" s="10"/>
      <c r="E128" s="10"/>
      <c r="F128" s="16" t="s">
        <v>484</v>
      </c>
      <c r="G128" s="10">
        <v>30</v>
      </c>
      <c r="H128" s="10" t="s">
        <v>479</v>
      </c>
      <c r="I128" s="16" t="s">
        <v>1329</v>
      </c>
      <c r="J128" s="10" t="s">
        <v>486</v>
      </c>
      <c r="K128" s="10" t="s">
        <v>455</v>
      </c>
      <c r="L128" s="16" t="s">
        <v>389</v>
      </c>
      <c r="M128" s="26">
        <v>41000</v>
      </c>
      <c r="N128" s="26">
        <v>47573</v>
      </c>
      <c r="O128" s="52"/>
      <c r="P128" s="52"/>
      <c r="Q128" s="52"/>
      <c r="R128" s="49" t="s">
        <v>1764</v>
      </c>
      <c r="S128" s="49" t="s">
        <v>192</v>
      </c>
    </row>
    <row r="129" spans="1:19" s="54" customFormat="1" ht="46.5" customHeight="1" x14ac:dyDescent="0.15">
      <c r="A129" s="47" t="s">
        <v>42</v>
      </c>
      <c r="B129" s="48" t="str">
        <f>IFERROR(VLOOKUP($A129,削除禁止!$A$1:$J$42,2,0),"")</f>
        <v>通所系</v>
      </c>
      <c r="C129" s="10">
        <v>1610101212</v>
      </c>
      <c r="D129" s="10"/>
      <c r="E129" s="10"/>
      <c r="F129" s="16" t="s">
        <v>567</v>
      </c>
      <c r="G129" s="10">
        <v>5</v>
      </c>
      <c r="H129" s="10" t="s">
        <v>139</v>
      </c>
      <c r="I129" s="16" t="s">
        <v>1326</v>
      </c>
      <c r="J129" s="10" t="s">
        <v>568</v>
      </c>
      <c r="K129" s="10" t="s">
        <v>572</v>
      </c>
      <c r="L129" s="16" t="s">
        <v>567</v>
      </c>
      <c r="M129" s="26">
        <v>41000</v>
      </c>
      <c r="N129" s="26">
        <v>47573</v>
      </c>
      <c r="O129" s="52"/>
      <c r="P129" s="52"/>
      <c r="Q129" s="52"/>
      <c r="R129" s="49" t="s">
        <v>1008</v>
      </c>
      <c r="S129" s="49" t="s">
        <v>1836</v>
      </c>
    </row>
    <row r="130" spans="1:19" s="54" customFormat="1" ht="46.5" customHeight="1" x14ac:dyDescent="0.15">
      <c r="A130" s="47" t="s">
        <v>42</v>
      </c>
      <c r="B130" s="48" t="str">
        <f>IFERROR(VLOOKUP($A130,削除禁止!$A$1:$J$42,2,0),"")</f>
        <v>通所系</v>
      </c>
      <c r="C130" s="10">
        <v>1610101352</v>
      </c>
      <c r="D130" s="10" t="s">
        <v>651</v>
      </c>
      <c r="E130" s="10"/>
      <c r="F130" s="16" t="s">
        <v>714</v>
      </c>
      <c r="G130" s="10">
        <v>24</v>
      </c>
      <c r="H130" s="10" t="s">
        <v>360</v>
      </c>
      <c r="I130" s="16" t="s">
        <v>1340</v>
      </c>
      <c r="J130" s="10" t="s">
        <v>711</v>
      </c>
      <c r="K130" s="10" t="s">
        <v>49</v>
      </c>
      <c r="L130" s="16" t="s">
        <v>452</v>
      </c>
      <c r="M130" s="26">
        <v>41425</v>
      </c>
      <c r="N130" s="26">
        <v>45807</v>
      </c>
      <c r="O130" s="52"/>
      <c r="P130" s="52"/>
      <c r="Q130" s="52"/>
      <c r="R130" s="49" t="s">
        <v>1008</v>
      </c>
      <c r="S130" s="49" t="s">
        <v>1836</v>
      </c>
    </row>
    <row r="131" spans="1:19" s="54" customFormat="1" ht="46.5" customHeight="1" x14ac:dyDescent="0.15">
      <c r="A131" s="47" t="s">
        <v>42</v>
      </c>
      <c r="B131" s="48" t="str">
        <f>IFERROR(VLOOKUP($A131,削除禁止!$A$1:$J$42,2,0),"")</f>
        <v>通所系</v>
      </c>
      <c r="C131" s="10">
        <v>1610101410</v>
      </c>
      <c r="D131" s="10"/>
      <c r="E131" s="10"/>
      <c r="F131" s="16" t="s">
        <v>401</v>
      </c>
      <c r="G131" s="10">
        <v>20</v>
      </c>
      <c r="H131" s="10" t="s">
        <v>251</v>
      </c>
      <c r="I131" s="16" t="s">
        <v>1344</v>
      </c>
      <c r="J131" s="10" t="s">
        <v>723</v>
      </c>
      <c r="K131" s="10" t="s">
        <v>290</v>
      </c>
      <c r="L131" s="16" t="s">
        <v>469</v>
      </c>
      <c r="M131" s="26">
        <v>41730</v>
      </c>
      <c r="N131" s="26">
        <v>46112</v>
      </c>
      <c r="O131" s="52"/>
      <c r="P131" s="52"/>
      <c r="Q131" s="52"/>
      <c r="R131" s="49" t="s">
        <v>1764</v>
      </c>
      <c r="S131" s="49" t="s">
        <v>359</v>
      </c>
    </row>
    <row r="132" spans="1:19" s="54" customFormat="1" ht="46.5" customHeight="1" x14ac:dyDescent="0.15">
      <c r="A132" s="47" t="s">
        <v>42</v>
      </c>
      <c r="B132" s="48" t="str">
        <f>IFERROR(VLOOKUP($A132,削除禁止!$A$1:$J$42,2,0),"")</f>
        <v>通所系</v>
      </c>
      <c r="C132" s="10">
        <v>1610101451</v>
      </c>
      <c r="D132" s="10" t="s">
        <v>651</v>
      </c>
      <c r="E132" s="10"/>
      <c r="F132" s="16" t="s">
        <v>1031</v>
      </c>
      <c r="G132" s="10">
        <v>10</v>
      </c>
      <c r="H132" s="10" t="s">
        <v>429</v>
      </c>
      <c r="I132" s="16" t="s">
        <v>1266</v>
      </c>
      <c r="J132" s="10" t="s">
        <v>726</v>
      </c>
      <c r="K132" s="10" t="s">
        <v>728</v>
      </c>
      <c r="L132" s="16" t="s">
        <v>1146</v>
      </c>
      <c r="M132" s="26">
        <v>41791</v>
      </c>
      <c r="N132" s="26">
        <v>46173</v>
      </c>
      <c r="O132" s="52"/>
      <c r="P132" s="52"/>
      <c r="Q132" s="52"/>
      <c r="R132" s="49" t="s">
        <v>1008</v>
      </c>
      <c r="S132" s="49" t="s">
        <v>1834</v>
      </c>
    </row>
    <row r="133" spans="1:19" s="54" customFormat="1" ht="46.5" customHeight="1" x14ac:dyDescent="0.15">
      <c r="A133" s="47" t="s">
        <v>42</v>
      </c>
      <c r="B133" s="48" t="str">
        <f>IFERROR(VLOOKUP($A133,削除禁止!$A$1:$J$42,2,0),"")</f>
        <v>通所系</v>
      </c>
      <c r="C133" s="10">
        <v>1610101485</v>
      </c>
      <c r="D133" s="10" t="s">
        <v>651</v>
      </c>
      <c r="E133" s="10"/>
      <c r="F133" s="16" t="s">
        <v>914</v>
      </c>
      <c r="G133" s="10">
        <v>10</v>
      </c>
      <c r="H133" s="10" t="s">
        <v>236</v>
      </c>
      <c r="I133" s="16" t="s">
        <v>1345</v>
      </c>
      <c r="J133" s="10" t="s">
        <v>374</v>
      </c>
      <c r="K133" s="10" t="s">
        <v>101</v>
      </c>
      <c r="L133" s="16" t="s">
        <v>879</v>
      </c>
      <c r="M133" s="26">
        <v>41821</v>
      </c>
      <c r="N133" s="26">
        <v>46203</v>
      </c>
      <c r="O133" s="52"/>
      <c r="P133" s="52"/>
      <c r="Q133" s="52"/>
      <c r="R133" s="49" t="s">
        <v>1764</v>
      </c>
      <c r="S133" s="49" t="s">
        <v>562</v>
      </c>
    </row>
    <row r="134" spans="1:19" s="54" customFormat="1" ht="46.5" customHeight="1" x14ac:dyDescent="0.15">
      <c r="A134" s="47" t="s">
        <v>42</v>
      </c>
      <c r="B134" s="48" t="str">
        <f>IFERROR(VLOOKUP($A134,削除禁止!$A$1:$J$42,2,0),"")</f>
        <v>通所系</v>
      </c>
      <c r="C134" s="10">
        <v>1610101675</v>
      </c>
      <c r="D134" s="10"/>
      <c r="E134" s="10"/>
      <c r="F134" s="16" t="s">
        <v>1195</v>
      </c>
      <c r="G134" s="10">
        <v>20</v>
      </c>
      <c r="H134" s="10" t="s">
        <v>123</v>
      </c>
      <c r="I134" s="16" t="s">
        <v>664</v>
      </c>
      <c r="J134" s="10" t="s">
        <v>30</v>
      </c>
      <c r="K134" s="10" t="s">
        <v>30</v>
      </c>
      <c r="L134" s="16" t="s">
        <v>909</v>
      </c>
      <c r="M134" s="26">
        <v>42095</v>
      </c>
      <c r="N134" s="26">
        <v>46477</v>
      </c>
      <c r="O134" s="52"/>
      <c r="P134" s="52"/>
      <c r="Q134" s="52"/>
      <c r="R134" s="49" t="s">
        <v>1764</v>
      </c>
      <c r="S134" s="49" t="s">
        <v>1819</v>
      </c>
    </row>
    <row r="135" spans="1:19" s="54" customFormat="1" ht="46.5" customHeight="1" x14ac:dyDescent="0.15">
      <c r="A135" s="47" t="s">
        <v>42</v>
      </c>
      <c r="B135" s="48" t="str">
        <f>IFERROR(VLOOKUP($A135,削除禁止!$A$1:$J$42,2,0),"")</f>
        <v>通所系</v>
      </c>
      <c r="C135" s="10">
        <v>1610101758</v>
      </c>
      <c r="D135" s="10" t="s">
        <v>651</v>
      </c>
      <c r="E135" s="10"/>
      <c r="F135" s="16" t="s">
        <v>443</v>
      </c>
      <c r="G135" s="10">
        <v>14</v>
      </c>
      <c r="H135" s="10" t="s">
        <v>774</v>
      </c>
      <c r="I135" s="16" t="s">
        <v>1145</v>
      </c>
      <c r="J135" s="10" t="s">
        <v>1328</v>
      </c>
      <c r="K135" s="10" t="s">
        <v>776</v>
      </c>
      <c r="L135" s="16" t="s">
        <v>833</v>
      </c>
      <c r="M135" s="26">
        <v>42309</v>
      </c>
      <c r="N135" s="26">
        <v>46691</v>
      </c>
      <c r="O135" s="52"/>
      <c r="P135" s="52"/>
      <c r="Q135" s="52"/>
      <c r="R135" s="49" t="s">
        <v>1764</v>
      </c>
      <c r="S135" s="49" t="s">
        <v>1828</v>
      </c>
    </row>
    <row r="136" spans="1:19" s="54" customFormat="1" ht="46.5" customHeight="1" x14ac:dyDescent="0.15">
      <c r="A136" s="47" t="s">
        <v>42</v>
      </c>
      <c r="B136" s="48" t="str">
        <f>IFERROR(VLOOKUP($A136,削除禁止!$A$1:$J$42,2,0),"")</f>
        <v>通所系</v>
      </c>
      <c r="C136" s="10">
        <v>1610101774</v>
      </c>
      <c r="D136" s="10" t="s">
        <v>651</v>
      </c>
      <c r="E136" s="10"/>
      <c r="F136" s="51" t="s">
        <v>1882</v>
      </c>
      <c r="G136" s="10">
        <v>5</v>
      </c>
      <c r="H136" s="10" t="s">
        <v>93</v>
      </c>
      <c r="I136" s="16" t="s">
        <v>1329</v>
      </c>
      <c r="J136" s="10" t="s">
        <v>609</v>
      </c>
      <c r="K136" s="10" t="s">
        <v>851</v>
      </c>
      <c r="L136" s="16" t="s">
        <v>389</v>
      </c>
      <c r="M136" s="26">
        <v>42370</v>
      </c>
      <c r="N136" s="26">
        <v>46752</v>
      </c>
      <c r="O136" s="52"/>
      <c r="P136" s="52"/>
      <c r="Q136" s="52"/>
      <c r="R136" s="49" t="s">
        <v>1764</v>
      </c>
      <c r="S136" s="49" t="s">
        <v>192</v>
      </c>
    </row>
    <row r="137" spans="1:19" s="54" customFormat="1" ht="46.5" customHeight="1" x14ac:dyDescent="0.15">
      <c r="A137" s="47" t="s">
        <v>42</v>
      </c>
      <c r="B137" s="48" t="str">
        <f>IFERROR(VLOOKUP($A137,削除禁止!$A$1:$J$42,2,0),"")</f>
        <v>通所系</v>
      </c>
      <c r="C137" s="10">
        <v>1610101782</v>
      </c>
      <c r="D137" s="10" t="s">
        <v>651</v>
      </c>
      <c r="E137" s="10"/>
      <c r="F137" s="51" t="s">
        <v>1099</v>
      </c>
      <c r="G137" s="10">
        <v>10</v>
      </c>
      <c r="H137" s="10" t="s">
        <v>672</v>
      </c>
      <c r="I137" s="16" t="s">
        <v>41</v>
      </c>
      <c r="J137" s="10" t="s">
        <v>215</v>
      </c>
      <c r="K137" s="10" t="s">
        <v>646</v>
      </c>
      <c r="L137" s="16" t="s">
        <v>1101</v>
      </c>
      <c r="M137" s="26">
        <v>42430</v>
      </c>
      <c r="N137" s="26">
        <v>46812</v>
      </c>
      <c r="O137" s="52"/>
      <c r="P137" s="52"/>
      <c r="Q137" s="52"/>
      <c r="R137" s="49" t="s">
        <v>1764</v>
      </c>
      <c r="S137" s="49" t="s">
        <v>1826</v>
      </c>
    </row>
    <row r="138" spans="1:19" s="54" customFormat="1" ht="46.5" customHeight="1" x14ac:dyDescent="0.15">
      <c r="A138" s="47" t="s">
        <v>42</v>
      </c>
      <c r="B138" s="48" t="str">
        <f>IFERROR(VLOOKUP($A138,削除禁止!$A$1:$J$42,2,0),"")</f>
        <v>通所系</v>
      </c>
      <c r="C138" s="10">
        <v>1610102053</v>
      </c>
      <c r="D138" s="10"/>
      <c r="E138" s="10" t="s">
        <v>651</v>
      </c>
      <c r="F138" s="51" t="s">
        <v>972</v>
      </c>
      <c r="G138" s="10">
        <v>18</v>
      </c>
      <c r="H138" s="10" t="s">
        <v>377</v>
      </c>
      <c r="I138" s="16" t="s">
        <v>1677</v>
      </c>
      <c r="J138" s="10" t="s">
        <v>445</v>
      </c>
      <c r="K138" s="10" t="s">
        <v>812</v>
      </c>
      <c r="L138" s="16" t="s">
        <v>872</v>
      </c>
      <c r="M138" s="26">
        <v>43191</v>
      </c>
      <c r="N138" s="26">
        <v>47573</v>
      </c>
      <c r="O138" s="52"/>
      <c r="P138" s="52"/>
      <c r="Q138" s="52"/>
      <c r="R138" s="49" t="s">
        <v>1764</v>
      </c>
      <c r="S138" s="49" t="s">
        <v>562</v>
      </c>
    </row>
    <row r="139" spans="1:19" s="54" customFormat="1" ht="46.5" customHeight="1" x14ac:dyDescent="0.15">
      <c r="A139" s="47" t="s">
        <v>42</v>
      </c>
      <c r="B139" s="48" t="str">
        <f>IFERROR(VLOOKUP($A139,削除禁止!$A$1:$J$42,2,0),"")</f>
        <v>通所系</v>
      </c>
      <c r="C139" s="10">
        <v>1610102095</v>
      </c>
      <c r="D139" s="10"/>
      <c r="E139" s="10" t="s">
        <v>651</v>
      </c>
      <c r="F139" s="51" t="s">
        <v>796</v>
      </c>
      <c r="G139" s="10">
        <v>18</v>
      </c>
      <c r="H139" s="10" t="s">
        <v>611</v>
      </c>
      <c r="I139" s="16" t="s">
        <v>1570</v>
      </c>
      <c r="J139" s="10" t="s">
        <v>819</v>
      </c>
      <c r="K139" s="10" t="s">
        <v>327</v>
      </c>
      <c r="L139" s="16" t="s">
        <v>669</v>
      </c>
      <c r="M139" s="26">
        <v>43191</v>
      </c>
      <c r="N139" s="26">
        <v>47573</v>
      </c>
      <c r="O139" s="52"/>
      <c r="P139" s="52"/>
      <c r="Q139" s="52"/>
      <c r="R139" s="49" t="s">
        <v>1764</v>
      </c>
      <c r="S139" s="49" t="s">
        <v>1825</v>
      </c>
    </row>
    <row r="140" spans="1:19" s="54" customFormat="1" ht="46.5" customHeight="1" x14ac:dyDescent="0.15">
      <c r="A140" s="47" t="s">
        <v>42</v>
      </c>
      <c r="B140" s="48" t="str">
        <f>IFERROR(VLOOKUP($A140,削除禁止!$A$1:$J$42,2,0),"")</f>
        <v>通所系</v>
      </c>
      <c r="C140" s="10">
        <v>1610102103</v>
      </c>
      <c r="D140" s="10"/>
      <c r="E140" s="10" t="s">
        <v>651</v>
      </c>
      <c r="F140" s="51" t="s">
        <v>341</v>
      </c>
      <c r="G140" s="10">
        <v>20</v>
      </c>
      <c r="H140" s="10" t="s">
        <v>575</v>
      </c>
      <c r="I140" s="16" t="s">
        <v>888</v>
      </c>
      <c r="J140" s="10" t="s">
        <v>451</v>
      </c>
      <c r="K140" s="10" t="s">
        <v>179</v>
      </c>
      <c r="L140" s="16" t="s">
        <v>1104</v>
      </c>
      <c r="M140" s="26">
        <v>43191</v>
      </c>
      <c r="N140" s="26">
        <v>47573</v>
      </c>
      <c r="O140" s="52"/>
      <c r="P140" s="52"/>
      <c r="Q140" s="52"/>
      <c r="R140" s="49" t="s">
        <v>1808</v>
      </c>
      <c r="S140" s="49" t="s">
        <v>1832</v>
      </c>
    </row>
    <row r="141" spans="1:19" s="54" customFormat="1" ht="46.5" customHeight="1" x14ac:dyDescent="0.15">
      <c r="A141" s="47" t="s">
        <v>42</v>
      </c>
      <c r="B141" s="48" t="str">
        <f>IFERROR(VLOOKUP($A141,削除禁止!$A$1:$J$42,2,0),"")</f>
        <v>通所系</v>
      </c>
      <c r="C141" s="10">
        <v>1610102111</v>
      </c>
      <c r="D141" s="10"/>
      <c r="E141" s="10" t="s">
        <v>651</v>
      </c>
      <c r="F141" s="51" t="s">
        <v>1168</v>
      </c>
      <c r="G141" s="10">
        <v>18</v>
      </c>
      <c r="H141" s="10" t="s">
        <v>575</v>
      </c>
      <c r="I141" s="16" t="s">
        <v>1381</v>
      </c>
      <c r="J141" s="10" t="s">
        <v>218</v>
      </c>
      <c r="K141" s="10" t="s">
        <v>1083</v>
      </c>
      <c r="L141" s="16" t="s">
        <v>1104</v>
      </c>
      <c r="M141" s="26">
        <v>43191</v>
      </c>
      <c r="N141" s="26">
        <v>47573</v>
      </c>
      <c r="O141" s="52"/>
      <c r="P141" s="52"/>
      <c r="Q141" s="52"/>
      <c r="R141" s="49" t="s">
        <v>1808</v>
      </c>
      <c r="S141" s="49" t="s">
        <v>1832</v>
      </c>
    </row>
    <row r="142" spans="1:19" s="54" customFormat="1" ht="46.5" customHeight="1" x14ac:dyDescent="0.15">
      <c r="A142" s="47" t="s">
        <v>42</v>
      </c>
      <c r="B142" s="48" t="str">
        <f>IFERROR(VLOOKUP($A142,削除禁止!$A$1:$J$42,2,0),"")</f>
        <v>通所系</v>
      </c>
      <c r="C142" s="10">
        <v>1610102152</v>
      </c>
      <c r="D142" s="10"/>
      <c r="E142" s="10" t="s">
        <v>651</v>
      </c>
      <c r="F142" s="51" t="s">
        <v>495</v>
      </c>
      <c r="G142" s="10">
        <v>10</v>
      </c>
      <c r="H142" s="10" t="s">
        <v>189</v>
      </c>
      <c r="I142" s="16" t="s">
        <v>1239</v>
      </c>
      <c r="J142" s="10" t="s">
        <v>821</v>
      </c>
      <c r="K142" s="10" t="s">
        <v>821</v>
      </c>
      <c r="L142" s="16" t="s">
        <v>244</v>
      </c>
      <c r="M142" s="26">
        <v>43191</v>
      </c>
      <c r="N142" s="26">
        <v>47573</v>
      </c>
      <c r="O142" s="52"/>
      <c r="P142" s="52"/>
      <c r="Q142" s="52"/>
      <c r="R142" s="49" t="s">
        <v>1764</v>
      </c>
      <c r="S142" s="49" t="s">
        <v>1822</v>
      </c>
    </row>
    <row r="143" spans="1:19" s="54" customFormat="1" ht="46.5" customHeight="1" x14ac:dyDescent="0.15">
      <c r="A143" s="47" t="s">
        <v>42</v>
      </c>
      <c r="B143" s="48" t="str">
        <f>IFERROR(VLOOKUP($A143,削除禁止!$A$1:$J$42,2,0),"")</f>
        <v>通所系</v>
      </c>
      <c r="C143" s="10">
        <v>1610101980</v>
      </c>
      <c r="D143" s="10"/>
      <c r="E143" s="10" t="s">
        <v>651</v>
      </c>
      <c r="F143" s="51" t="s">
        <v>105</v>
      </c>
      <c r="G143" s="10">
        <v>19</v>
      </c>
      <c r="H143" s="10" t="s">
        <v>173</v>
      </c>
      <c r="I143" s="16" t="s">
        <v>998</v>
      </c>
      <c r="J143" s="10" t="s">
        <v>630</v>
      </c>
      <c r="K143" s="10" t="s">
        <v>832</v>
      </c>
      <c r="L143" s="16" t="s">
        <v>194</v>
      </c>
      <c r="M143" s="26">
        <v>43191</v>
      </c>
      <c r="N143" s="26">
        <v>47573</v>
      </c>
      <c r="O143" s="52"/>
      <c r="P143" s="52"/>
      <c r="Q143" s="52"/>
      <c r="R143" s="49" t="s">
        <v>1764</v>
      </c>
      <c r="S143" s="49" t="s">
        <v>1525</v>
      </c>
    </row>
    <row r="144" spans="1:19" s="54" customFormat="1" ht="46.5" customHeight="1" x14ac:dyDescent="0.15">
      <c r="A144" s="47" t="s">
        <v>42</v>
      </c>
      <c r="B144" s="48" t="str">
        <f>IFERROR(VLOOKUP($A144,削除禁止!$A$1:$J$42,2,0),"")</f>
        <v>通所系</v>
      </c>
      <c r="C144" s="10">
        <v>1610102178</v>
      </c>
      <c r="D144" s="10"/>
      <c r="E144" s="10" t="s">
        <v>651</v>
      </c>
      <c r="F144" s="51" t="s">
        <v>975</v>
      </c>
      <c r="G144" s="10">
        <v>10</v>
      </c>
      <c r="H144" s="10" t="s">
        <v>287</v>
      </c>
      <c r="I144" s="16" t="s">
        <v>810</v>
      </c>
      <c r="J144" s="10" t="s">
        <v>778</v>
      </c>
      <c r="K144" s="10" t="s">
        <v>779</v>
      </c>
      <c r="L144" s="16" t="s">
        <v>976</v>
      </c>
      <c r="M144" s="26">
        <v>43191</v>
      </c>
      <c r="N144" s="26">
        <v>47573</v>
      </c>
      <c r="O144" s="52"/>
      <c r="P144" s="52"/>
      <c r="Q144" s="52"/>
      <c r="R144" s="49" t="s">
        <v>1809</v>
      </c>
      <c r="S144" s="49" t="s">
        <v>1779</v>
      </c>
    </row>
    <row r="145" spans="1:19" s="54" customFormat="1" ht="46.5" customHeight="1" x14ac:dyDescent="0.15">
      <c r="A145" s="47" t="s">
        <v>42</v>
      </c>
      <c r="B145" s="48" t="str">
        <f>IFERROR(VLOOKUP($A145,削除禁止!$A$1:$J$42,2,0),"")</f>
        <v>通所系</v>
      </c>
      <c r="C145" s="10">
        <v>1610102087</v>
      </c>
      <c r="D145" s="10"/>
      <c r="E145" s="10" t="s">
        <v>651</v>
      </c>
      <c r="F145" s="51" t="s">
        <v>961</v>
      </c>
      <c r="G145" s="10">
        <v>10</v>
      </c>
      <c r="H145" s="10" t="s">
        <v>835</v>
      </c>
      <c r="I145" s="16" t="s">
        <v>427</v>
      </c>
      <c r="J145" s="10" t="s">
        <v>461</v>
      </c>
      <c r="K145" s="10" t="s">
        <v>461</v>
      </c>
      <c r="L145" s="16" t="s">
        <v>742</v>
      </c>
      <c r="M145" s="26">
        <v>43191</v>
      </c>
      <c r="N145" s="26">
        <v>47573</v>
      </c>
      <c r="O145" s="52"/>
      <c r="P145" s="52"/>
      <c r="Q145" s="52"/>
      <c r="R145" s="49" t="s">
        <v>1764</v>
      </c>
      <c r="S145" s="49" t="s">
        <v>1816</v>
      </c>
    </row>
    <row r="146" spans="1:19" s="54" customFormat="1" ht="46.5" customHeight="1" x14ac:dyDescent="0.15">
      <c r="A146" s="47" t="s">
        <v>42</v>
      </c>
      <c r="B146" s="48" t="str">
        <f>IFERROR(VLOOKUP($A146,削除禁止!$A$1:$J$42,2,0),"")</f>
        <v>通所系</v>
      </c>
      <c r="C146" s="10">
        <v>1610102061</v>
      </c>
      <c r="D146" s="10" t="s">
        <v>651</v>
      </c>
      <c r="E146" s="10" t="s">
        <v>651</v>
      </c>
      <c r="F146" s="51" t="s">
        <v>426</v>
      </c>
      <c r="G146" s="10">
        <v>10</v>
      </c>
      <c r="H146" s="10" t="s">
        <v>352</v>
      </c>
      <c r="I146" s="16" t="s">
        <v>1396</v>
      </c>
      <c r="J146" s="10" t="s">
        <v>983</v>
      </c>
      <c r="K146" s="10" t="s">
        <v>494</v>
      </c>
      <c r="L146" s="16" t="s">
        <v>521</v>
      </c>
      <c r="M146" s="26">
        <v>43191</v>
      </c>
      <c r="N146" s="26">
        <v>47573</v>
      </c>
      <c r="O146" s="52"/>
      <c r="P146" s="52"/>
      <c r="Q146" s="52"/>
      <c r="R146" s="49" t="s">
        <v>1764</v>
      </c>
      <c r="S146" s="49" t="s">
        <v>1829</v>
      </c>
    </row>
    <row r="147" spans="1:19" s="54" customFormat="1" ht="46.5" customHeight="1" x14ac:dyDescent="0.15">
      <c r="A147" s="47" t="s">
        <v>42</v>
      </c>
      <c r="B147" s="48" t="str">
        <f>IFERROR(VLOOKUP($A147,削除禁止!$A$1:$J$42,2,0),"")</f>
        <v>通所系</v>
      </c>
      <c r="C147" s="10">
        <v>1610102020</v>
      </c>
      <c r="D147" s="10"/>
      <c r="E147" s="10" t="s">
        <v>651</v>
      </c>
      <c r="F147" s="51" t="s">
        <v>962</v>
      </c>
      <c r="G147" s="10">
        <v>15</v>
      </c>
      <c r="H147" s="10" t="s">
        <v>497</v>
      </c>
      <c r="I147" s="16" t="s">
        <v>1332</v>
      </c>
      <c r="J147" s="10" t="s">
        <v>500</v>
      </c>
      <c r="K147" s="10" t="s">
        <v>502</v>
      </c>
      <c r="L147" s="51" t="s">
        <v>551</v>
      </c>
      <c r="M147" s="26">
        <v>43191</v>
      </c>
      <c r="N147" s="26">
        <v>47573</v>
      </c>
      <c r="O147" s="52"/>
      <c r="P147" s="52"/>
      <c r="Q147" s="52"/>
      <c r="R147" s="49" t="s">
        <v>1764</v>
      </c>
      <c r="S147" s="49" t="s">
        <v>1704</v>
      </c>
    </row>
    <row r="148" spans="1:19" s="54" customFormat="1" ht="46.5" customHeight="1" x14ac:dyDescent="0.15">
      <c r="A148" s="47" t="s">
        <v>42</v>
      </c>
      <c r="B148" s="48" t="str">
        <f>IFERROR(VLOOKUP($A148,削除禁止!$A$1:$J$42,2,0),"")</f>
        <v>通所系</v>
      </c>
      <c r="C148" s="10">
        <v>1610102038</v>
      </c>
      <c r="D148" s="10"/>
      <c r="E148" s="10" t="s">
        <v>651</v>
      </c>
      <c r="F148" s="51" t="s">
        <v>817</v>
      </c>
      <c r="G148" s="10">
        <v>20</v>
      </c>
      <c r="H148" s="10" t="s">
        <v>208</v>
      </c>
      <c r="I148" s="16" t="s">
        <v>1044</v>
      </c>
      <c r="J148" s="10" t="s">
        <v>745</v>
      </c>
      <c r="K148" s="10" t="s">
        <v>676</v>
      </c>
      <c r="L148" s="51" t="s">
        <v>551</v>
      </c>
      <c r="M148" s="26">
        <v>43191</v>
      </c>
      <c r="N148" s="26">
        <v>47573</v>
      </c>
      <c r="O148" s="52"/>
      <c r="P148" s="52"/>
      <c r="Q148" s="52"/>
      <c r="R148" s="49" t="s">
        <v>1764</v>
      </c>
      <c r="S148" s="49" t="s">
        <v>1527</v>
      </c>
    </row>
    <row r="149" spans="1:19" s="54" customFormat="1" ht="46.5" customHeight="1" x14ac:dyDescent="0.15">
      <c r="A149" s="47" t="s">
        <v>42</v>
      </c>
      <c r="B149" s="48" t="str">
        <f>IFERROR(VLOOKUP($A149,削除禁止!$A$1:$J$42,2,0),"")</f>
        <v>通所系</v>
      </c>
      <c r="C149" s="10">
        <v>1610102046</v>
      </c>
      <c r="D149" s="10"/>
      <c r="E149" s="10" t="s">
        <v>651</v>
      </c>
      <c r="F149" s="51" t="s">
        <v>805</v>
      </c>
      <c r="G149" s="10">
        <v>18</v>
      </c>
      <c r="H149" s="10" t="s">
        <v>208</v>
      </c>
      <c r="I149" s="16" t="s">
        <v>1327</v>
      </c>
      <c r="J149" s="10" t="s">
        <v>676</v>
      </c>
      <c r="K149" s="10" t="s">
        <v>676</v>
      </c>
      <c r="L149" s="51" t="s">
        <v>551</v>
      </c>
      <c r="M149" s="26">
        <v>43191</v>
      </c>
      <c r="N149" s="26">
        <v>47573</v>
      </c>
      <c r="O149" s="52"/>
      <c r="P149" s="52"/>
      <c r="Q149" s="52"/>
      <c r="R149" s="49" t="s">
        <v>1764</v>
      </c>
      <c r="S149" s="49" t="s">
        <v>1527</v>
      </c>
    </row>
    <row r="150" spans="1:19" s="54" customFormat="1" ht="46.5" customHeight="1" x14ac:dyDescent="0.15">
      <c r="A150" s="47" t="s">
        <v>42</v>
      </c>
      <c r="B150" s="48" t="str">
        <f>IFERROR(VLOOKUP($A150,削除禁止!$A$1:$J$42,2,0),"")</f>
        <v>通所系</v>
      </c>
      <c r="C150" s="10">
        <v>1610102137</v>
      </c>
      <c r="D150" s="10"/>
      <c r="E150" s="10" t="s">
        <v>651</v>
      </c>
      <c r="F150" s="51" t="s">
        <v>1197</v>
      </c>
      <c r="G150" s="10">
        <v>25</v>
      </c>
      <c r="H150" s="10" t="s">
        <v>24</v>
      </c>
      <c r="I150" s="16" t="s">
        <v>1121</v>
      </c>
      <c r="J150" s="10" t="s">
        <v>667</v>
      </c>
      <c r="K150" s="10" t="s">
        <v>583</v>
      </c>
      <c r="L150" s="16" t="s">
        <v>22</v>
      </c>
      <c r="M150" s="26">
        <v>43191</v>
      </c>
      <c r="N150" s="26">
        <v>47573</v>
      </c>
      <c r="O150" s="52"/>
      <c r="P150" s="52"/>
      <c r="Q150" s="52"/>
      <c r="R150" s="49" t="s">
        <v>1764</v>
      </c>
      <c r="S150" s="49" t="s">
        <v>1826</v>
      </c>
    </row>
    <row r="151" spans="1:19" s="54" customFormat="1" ht="46.5" customHeight="1" x14ac:dyDescent="0.15">
      <c r="A151" s="47" t="s">
        <v>42</v>
      </c>
      <c r="B151" s="48" t="str">
        <f>IFERROR(VLOOKUP($A151,削除禁止!$A$1:$J$42,2,0),"")</f>
        <v>通所系</v>
      </c>
      <c r="C151" s="10">
        <v>1610102160</v>
      </c>
      <c r="D151" s="10"/>
      <c r="E151" s="10" t="s">
        <v>651</v>
      </c>
      <c r="F151" s="51" t="s">
        <v>808</v>
      </c>
      <c r="G151" s="10">
        <v>25</v>
      </c>
      <c r="H151" s="10" t="s">
        <v>506</v>
      </c>
      <c r="I151" s="16" t="s">
        <v>540</v>
      </c>
      <c r="J151" s="10" t="s">
        <v>508</v>
      </c>
      <c r="K151" s="10" t="s">
        <v>314</v>
      </c>
      <c r="L151" s="16" t="s">
        <v>22</v>
      </c>
      <c r="M151" s="26">
        <v>43191</v>
      </c>
      <c r="N151" s="26">
        <v>47573</v>
      </c>
      <c r="O151" s="52"/>
      <c r="P151" s="52"/>
      <c r="Q151" s="52"/>
      <c r="R151" s="49" t="s">
        <v>1764</v>
      </c>
      <c r="S151" s="49" t="s">
        <v>1760</v>
      </c>
    </row>
    <row r="152" spans="1:19" s="54" customFormat="1" ht="46.5" customHeight="1" x14ac:dyDescent="0.15">
      <c r="A152" s="47" t="s">
        <v>42</v>
      </c>
      <c r="B152" s="48" t="str">
        <f>IFERROR(VLOOKUP($A152,削除禁止!$A$1:$J$42,2,0),"")</f>
        <v>通所系</v>
      </c>
      <c r="C152" s="10">
        <v>1610102012</v>
      </c>
      <c r="D152" s="10"/>
      <c r="E152" s="10" t="s">
        <v>651</v>
      </c>
      <c r="F152" s="51" t="s">
        <v>956</v>
      </c>
      <c r="G152" s="10">
        <v>11</v>
      </c>
      <c r="H152" s="10" t="s">
        <v>688</v>
      </c>
      <c r="I152" s="16" t="s">
        <v>1346</v>
      </c>
      <c r="J152" s="10" t="s">
        <v>809</v>
      </c>
      <c r="K152" s="10" t="s">
        <v>809</v>
      </c>
      <c r="L152" s="16" t="s">
        <v>960</v>
      </c>
      <c r="M152" s="26">
        <v>43191</v>
      </c>
      <c r="N152" s="26">
        <v>47573</v>
      </c>
      <c r="O152" s="52"/>
      <c r="P152" s="52"/>
      <c r="Q152" s="52"/>
      <c r="R152" s="49" t="s">
        <v>1764</v>
      </c>
      <c r="S152" s="49" t="s">
        <v>597</v>
      </c>
    </row>
    <row r="153" spans="1:19" s="54" customFormat="1" ht="46.5" customHeight="1" x14ac:dyDescent="0.15">
      <c r="A153" s="47" t="s">
        <v>42</v>
      </c>
      <c r="B153" s="48" t="str">
        <f>IFERROR(VLOOKUP($A153,削除禁止!$A$1:$J$42,2,0),"")</f>
        <v>通所系</v>
      </c>
      <c r="C153" s="10">
        <v>1610102186</v>
      </c>
      <c r="D153" s="10"/>
      <c r="E153" s="10" t="s">
        <v>651</v>
      </c>
      <c r="F153" s="51" t="s">
        <v>965</v>
      </c>
      <c r="G153" s="10">
        <v>18</v>
      </c>
      <c r="H153" s="10" t="s">
        <v>29</v>
      </c>
      <c r="I153" s="16" t="s">
        <v>1347</v>
      </c>
      <c r="J153" s="10" t="s">
        <v>693</v>
      </c>
      <c r="K153" s="10" t="s">
        <v>823</v>
      </c>
      <c r="L153" s="16" t="s">
        <v>966</v>
      </c>
      <c r="M153" s="26">
        <v>43191</v>
      </c>
      <c r="N153" s="26">
        <v>47573</v>
      </c>
      <c r="O153" s="52"/>
      <c r="P153" s="52"/>
      <c r="Q153" s="52"/>
      <c r="R153" s="49" t="s">
        <v>1764</v>
      </c>
      <c r="S153" s="49" t="s">
        <v>1822</v>
      </c>
    </row>
    <row r="154" spans="1:19" s="54" customFormat="1" ht="46.5" customHeight="1" x14ac:dyDescent="0.15">
      <c r="A154" s="47" t="s">
        <v>42</v>
      </c>
      <c r="B154" s="48" t="str">
        <f>IFERROR(VLOOKUP($A154,削除禁止!$A$1:$J$42,2,0),"")</f>
        <v>通所系</v>
      </c>
      <c r="C154" s="10">
        <v>1610102145</v>
      </c>
      <c r="D154" s="10"/>
      <c r="E154" s="10" t="s">
        <v>651</v>
      </c>
      <c r="F154" s="51" t="s">
        <v>974</v>
      </c>
      <c r="G154" s="10">
        <v>18</v>
      </c>
      <c r="H154" s="10" t="s">
        <v>95</v>
      </c>
      <c r="I154" s="16" t="s">
        <v>874</v>
      </c>
      <c r="J154" s="10" t="s">
        <v>181</v>
      </c>
      <c r="K154" s="10" t="s">
        <v>1085</v>
      </c>
      <c r="L154" s="16" t="s">
        <v>829</v>
      </c>
      <c r="M154" s="26">
        <v>43191</v>
      </c>
      <c r="N154" s="26">
        <v>47573</v>
      </c>
      <c r="O154" s="52"/>
      <c r="P154" s="52"/>
      <c r="Q154" s="52"/>
      <c r="R154" s="49" t="s">
        <v>1764</v>
      </c>
      <c r="S154" s="49" t="s">
        <v>192</v>
      </c>
    </row>
    <row r="155" spans="1:19" s="54" customFormat="1" ht="46.5" customHeight="1" x14ac:dyDescent="0.15">
      <c r="A155" s="47" t="s">
        <v>42</v>
      </c>
      <c r="B155" s="48" t="str">
        <f>IFERROR(VLOOKUP($A155,削除禁止!$A$1:$J$42,2,0),"")</f>
        <v>通所系</v>
      </c>
      <c r="C155" s="10">
        <v>1610102079</v>
      </c>
      <c r="D155" s="10"/>
      <c r="E155" s="10" t="s">
        <v>651</v>
      </c>
      <c r="F155" s="51" t="s">
        <v>982</v>
      </c>
      <c r="G155" s="10">
        <v>18</v>
      </c>
      <c r="H155" s="10" t="s">
        <v>834</v>
      </c>
      <c r="I155" s="55" t="s">
        <v>1397</v>
      </c>
      <c r="J155" s="10" t="s">
        <v>180</v>
      </c>
      <c r="K155" s="10" t="s">
        <v>816</v>
      </c>
      <c r="L155" s="16" t="s">
        <v>868</v>
      </c>
      <c r="M155" s="26">
        <v>43191</v>
      </c>
      <c r="N155" s="26">
        <v>47573</v>
      </c>
      <c r="O155" s="52"/>
      <c r="P155" s="52"/>
      <c r="Q155" s="52"/>
      <c r="R155" s="49" t="s">
        <v>1008</v>
      </c>
      <c r="S155" s="49" t="s">
        <v>1800</v>
      </c>
    </row>
    <row r="156" spans="1:19" s="54" customFormat="1" ht="46.5" customHeight="1" x14ac:dyDescent="0.15">
      <c r="A156" s="47" t="s">
        <v>42</v>
      </c>
      <c r="B156" s="48" t="str">
        <f>IFERROR(VLOOKUP($A156,削除禁止!$A$1:$J$42,2,0),"")</f>
        <v>通所系</v>
      </c>
      <c r="C156" s="10">
        <v>1610102251</v>
      </c>
      <c r="D156" s="10"/>
      <c r="E156" s="10" t="s">
        <v>651</v>
      </c>
      <c r="F156" s="51" t="s">
        <v>1532</v>
      </c>
      <c r="G156" s="10">
        <v>29</v>
      </c>
      <c r="H156" s="10" t="s">
        <v>659</v>
      </c>
      <c r="I156" s="16" t="s">
        <v>1318</v>
      </c>
      <c r="J156" s="10" t="s">
        <v>798</v>
      </c>
      <c r="K156" s="10" t="s">
        <v>722</v>
      </c>
      <c r="L156" s="16" t="s">
        <v>921</v>
      </c>
      <c r="M156" s="26">
        <v>43282</v>
      </c>
      <c r="N156" s="26">
        <v>45473</v>
      </c>
      <c r="O156" s="52"/>
      <c r="P156" s="52"/>
      <c r="Q156" s="52"/>
      <c r="R156" s="49" t="s">
        <v>1764</v>
      </c>
      <c r="S156" s="49" t="s">
        <v>1819</v>
      </c>
    </row>
    <row r="157" spans="1:19" s="54" customFormat="1" ht="46.5" customHeight="1" x14ac:dyDescent="0.15">
      <c r="A157" s="47" t="s">
        <v>42</v>
      </c>
      <c r="B157" s="48" t="str">
        <f>IFERROR(VLOOKUP($A157,削除禁止!$A$1:$J$42,2,0),"")</f>
        <v>通所系</v>
      </c>
      <c r="C157" s="10">
        <v>1610102277</v>
      </c>
      <c r="D157" s="10"/>
      <c r="E157" s="10" t="s">
        <v>651</v>
      </c>
      <c r="F157" s="51" t="s">
        <v>1190</v>
      </c>
      <c r="G157" s="10">
        <v>34</v>
      </c>
      <c r="H157" s="10" t="s">
        <v>577</v>
      </c>
      <c r="I157" s="16" t="s">
        <v>1148</v>
      </c>
      <c r="J157" s="10" t="s">
        <v>294</v>
      </c>
      <c r="K157" s="10" t="s">
        <v>579</v>
      </c>
      <c r="L157" s="16" t="s">
        <v>1147</v>
      </c>
      <c r="M157" s="26">
        <v>43313</v>
      </c>
      <c r="N157" s="26">
        <v>45504</v>
      </c>
      <c r="O157" s="52"/>
      <c r="P157" s="52"/>
      <c r="Q157" s="52"/>
      <c r="R157" s="49" t="s">
        <v>1764</v>
      </c>
      <c r="S157" s="49" t="s">
        <v>1817</v>
      </c>
    </row>
    <row r="158" spans="1:19" s="54" customFormat="1" ht="46.5" customHeight="1" x14ac:dyDescent="0.15">
      <c r="A158" s="47" t="s">
        <v>42</v>
      </c>
      <c r="B158" s="48" t="str">
        <f>IFERROR(VLOOKUP($A158,削除禁止!$A$1:$J$42,2,0),"")</f>
        <v>通所系</v>
      </c>
      <c r="C158" s="10">
        <v>1610102285</v>
      </c>
      <c r="D158" s="10"/>
      <c r="E158" s="10" t="s">
        <v>651</v>
      </c>
      <c r="F158" s="51" t="s">
        <v>157</v>
      </c>
      <c r="G158" s="10">
        <v>60</v>
      </c>
      <c r="H158" s="10" t="s">
        <v>141</v>
      </c>
      <c r="I158" s="16" t="s">
        <v>362</v>
      </c>
      <c r="J158" s="10" t="s">
        <v>840</v>
      </c>
      <c r="K158" s="10" t="s">
        <v>684</v>
      </c>
      <c r="L158" s="16" t="s">
        <v>1147</v>
      </c>
      <c r="M158" s="26">
        <v>43313</v>
      </c>
      <c r="N158" s="26">
        <v>45504</v>
      </c>
      <c r="O158" s="52"/>
      <c r="P158" s="52"/>
      <c r="Q158" s="52"/>
      <c r="R158" s="49" t="s">
        <v>1764</v>
      </c>
      <c r="S158" s="49" t="s">
        <v>1640</v>
      </c>
    </row>
    <row r="159" spans="1:19" s="54" customFormat="1" ht="46.5" customHeight="1" x14ac:dyDescent="0.15">
      <c r="A159" s="47" t="s">
        <v>42</v>
      </c>
      <c r="B159" s="48" t="str">
        <f>IFERROR(VLOOKUP($A159,削除禁止!$A$1:$J$42,2,0),"")</f>
        <v>通所系</v>
      </c>
      <c r="C159" s="10">
        <v>1610102293</v>
      </c>
      <c r="D159" s="10"/>
      <c r="E159" s="10" t="s">
        <v>651</v>
      </c>
      <c r="F159" s="51" t="s">
        <v>912</v>
      </c>
      <c r="G159" s="10">
        <v>60</v>
      </c>
      <c r="H159" s="10" t="s">
        <v>842</v>
      </c>
      <c r="I159" s="16" t="s">
        <v>1451</v>
      </c>
      <c r="J159" s="10" t="s">
        <v>397</v>
      </c>
      <c r="K159" s="10" t="s">
        <v>845</v>
      </c>
      <c r="L159" s="16" t="s">
        <v>1147</v>
      </c>
      <c r="M159" s="26">
        <v>43313</v>
      </c>
      <c r="N159" s="26">
        <v>45504</v>
      </c>
      <c r="O159" s="52"/>
      <c r="P159" s="52"/>
      <c r="Q159" s="52"/>
      <c r="R159" s="49" t="s">
        <v>1764</v>
      </c>
      <c r="S159" s="49" t="s">
        <v>1816</v>
      </c>
    </row>
    <row r="160" spans="1:19" s="54" customFormat="1" ht="46.5" customHeight="1" x14ac:dyDescent="0.15">
      <c r="A160" s="47" t="s">
        <v>42</v>
      </c>
      <c r="B160" s="48" t="str">
        <f>IFERROR(VLOOKUP($A160,削除禁止!$A$1:$J$42,2,0),"")</f>
        <v>通所系</v>
      </c>
      <c r="C160" s="10">
        <v>1610102442</v>
      </c>
      <c r="D160" s="10"/>
      <c r="E160" s="10" t="s">
        <v>651</v>
      </c>
      <c r="F160" s="51" t="s">
        <v>1207</v>
      </c>
      <c r="G160" s="10">
        <v>28</v>
      </c>
      <c r="H160" s="10" t="s">
        <v>881</v>
      </c>
      <c r="I160" s="16" t="s">
        <v>1678</v>
      </c>
      <c r="J160" s="10" t="s">
        <v>882</v>
      </c>
      <c r="K160" s="10" t="s">
        <v>882</v>
      </c>
      <c r="L160" s="16" t="s">
        <v>660</v>
      </c>
      <c r="M160" s="26">
        <v>43800</v>
      </c>
      <c r="N160" s="26">
        <v>45991</v>
      </c>
      <c r="O160" s="52"/>
      <c r="P160" s="52"/>
      <c r="Q160" s="52"/>
      <c r="R160" s="49" t="s">
        <v>1764</v>
      </c>
      <c r="S160" s="49" t="s">
        <v>1704</v>
      </c>
    </row>
    <row r="161" spans="1:19" s="54" customFormat="1" ht="46.5" customHeight="1" x14ac:dyDescent="0.15">
      <c r="A161" s="47" t="s">
        <v>42</v>
      </c>
      <c r="B161" s="48" t="str">
        <f>IFERROR(VLOOKUP($A161,削除禁止!$A$1:$J$42,2,0),"")</f>
        <v>通所系</v>
      </c>
      <c r="C161" s="10">
        <v>1610102467</v>
      </c>
      <c r="D161" s="10"/>
      <c r="E161" s="10" t="s">
        <v>651</v>
      </c>
      <c r="F161" s="51" t="s">
        <v>143</v>
      </c>
      <c r="G161" s="10">
        <v>18</v>
      </c>
      <c r="H161" s="10" t="s">
        <v>883</v>
      </c>
      <c r="I161" s="16" t="s">
        <v>1119</v>
      </c>
      <c r="J161" s="10" t="s">
        <v>886</v>
      </c>
      <c r="K161" s="10" t="s">
        <v>890</v>
      </c>
      <c r="L161" s="52" t="s">
        <v>1642</v>
      </c>
      <c r="M161" s="26">
        <v>43831</v>
      </c>
      <c r="N161" s="26">
        <v>46022</v>
      </c>
      <c r="O161" s="52"/>
      <c r="P161" s="52"/>
      <c r="Q161" s="52"/>
      <c r="R161" s="49" t="s">
        <v>1764</v>
      </c>
      <c r="S161" s="49" t="s">
        <v>1525</v>
      </c>
    </row>
    <row r="162" spans="1:19" s="54" customFormat="1" ht="46.5" customHeight="1" x14ac:dyDescent="0.15">
      <c r="A162" s="47" t="s">
        <v>42</v>
      </c>
      <c r="B162" s="48" t="str">
        <f>IFERROR(VLOOKUP($A162,削除禁止!$A$1:$J$42,2,0),"")</f>
        <v>通所系</v>
      </c>
      <c r="C162" s="10">
        <v>1610102541</v>
      </c>
      <c r="D162" s="10"/>
      <c r="E162" s="10" t="s">
        <v>651</v>
      </c>
      <c r="F162" s="51" t="s">
        <v>994</v>
      </c>
      <c r="G162" s="10">
        <v>10</v>
      </c>
      <c r="H162" s="10" t="s">
        <v>673</v>
      </c>
      <c r="I162" s="16" t="s">
        <v>1679</v>
      </c>
      <c r="J162" s="10" t="s">
        <v>997</v>
      </c>
      <c r="K162" s="10" t="s">
        <v>997</v>
      </c>
      <c r="L162" s="16" t="s">
        <v>229</v>
      </c>
      <c r="M162" s="26">
        <v>43922</v>
      </c>
      <c r="N162" s="26">
        <v>46112</v>
      </c>
      <c r="O162" s="52"/>
      <c r="P162" s="52"/>
      <c r="Q162" s="52"/>
      <c r="R162" s="49" t="s">
        <v>1764</v>
      </c>
      <c r="S162" s="49" t="s">
        <v>1519</v>
      </c>
    </row>
    <row r="163" spans="1:19" s="54" customFormat="1" ht="46.5" customHeight="1" x14ac:dyDescent="0.15">
      <c r="A163" s="47" t="s">
        <v>42</v>
      </c>
      <c r="B163" s="48" t="str">
        <f>IFERROR(VLOOKUP($A163,削除禁止!$A$1:$J$42,2,0),"")</f>
        <v>通所系</v>
      </c>
      <c r="C163" s="10">
        <v>1610102517</v>
      </c>
      <c r="D163" s="10" t="s">
        <v>651</v>
      </c>
      <c r="E163" s="10"/>
      <c r="F163" s="51" t="s">
        <v>887</v>
      </c>
      <c r="G163" s="10">
        <v>10</v>
      </c>
      <c r="H163" s="10" t="s">
        <v>910</v>
      </c>
      <c r="I163" s="16" t="s">
        <v>865</v>
      </c>
      <c r="J163" s="10" t="s">
        <v>911</v>
      </c>
      <c r="K163" s="10" t="s">
        <v>918</v>
      </c>
      <c r="L163" s="16" t="s">
        <v>879</v>
      </c>
      <c r="M163" s="26">
        <v>43948</v>
      </c>
      <c r="N163" s="26">
        <v>46138</v>
      </c>
      <c r="O163" s="52"/>
      <c r="P163" s="52"/>
      <c r="Q163" s="52"/>
      <c r="R163" s="49" t="s">
        <v>1764</v>
      </c>
      <c r="S163" s="49" t="s">
        <v>1817</v>
      </c>
    </row>
    <row r="164" spans="1:19" s="54" customFormat="1" ht="46.5" customHeight="1" x14ac:dyDescent="0.15">
      <c r="A164" s="47" t="s">
        <v>42</v>
      </c>
      <c r="B164" s="48" t="str">
        <f>IFERROR(VLOOKUP($A164,削除禁止!$A$1:$J$42,2,0),"")</f>
        <v>通所系</v>
      </c>
      <c r="C164" s="10">
        <v>1610102574</v>
      </c>
      <c r="D164" s="10"/>
      <c r="E164" s="10" t="s">
        <v>651</v>
      </c>
      <c r="F164" s="16" t="s">
        <v>1588</v>
      </c>
      <c r="G164" s="10">
        <v>18</v>
      </c>
      <c r="H164" s="10" t="s">
        <v>582</v>
      </c>
      <c r="I164" s="16" t="s">
        <v>893</v>
      </c>
      <c r="J164" s="10" t="s">
        <v>405</v>
      </c>
      <c r="K164" s="10" t="s">
        <v>584</v>
      </c>
      <c r="L164" s="52" t="s">
        <v>1642</v>
      </c>
      <c r="M164" s="26">
        <v>44105</v>
      </c>
      <c r="N164" s="26">
        <v>46295</v>
      </c>
      <c r="O164" s="52"/>
      <c r="P164" s="52"/>
      <c r="Q164" s="52"/>
      <c r="R164" s="49" t="s">
        <v>1764</v>
      </c>
      <c r="S164" s="49" t="s">
        <v>1825</v>
      </c>
    </row>
    <row r="165" spans="1:19" s="54" customFormat="1" ht="46.5" customHeight="1" x14ac:dyDescent="0.15">
      <c r="A165" s="47" t="s">
        <v>42</v>
      </c>
      <c r="B165" s="48" t="str">
        <f>IFERROR(VLOOKUP($A165,削除禁止!$A$1:$J$42,2,0),"")</f>
        <v>通所系</v>
      </c>
      <c r="C165" s="10">
        <v>1610102582</v>
      </c>
      <c r="D165" s="10"/>
      <c r="E165" s="10" t="s">
        <v>651</v>
      </c>
      <c r="F165" s="16" t="s">
        <v>1219</v>
      </c>
      <c r="G165" s="10">
        <v>35</v>
      </c>
      <c r="H165" s="10" t="s">
        <v>569</v>
      </c>
      <c r="I165" s="16" t="s">
        <v>1348</v>
      </c>
      <c r="J165" s="10" t="s">
        <v>939</v>
      </c>
      <c r="K165" s="10" t="s">
        <v>1019</v>
      </c>
      <c r="L165" s="16" t="s">
        <v>1104</v>
      </c>
      <c r="M165" s="26">
        <v>44136</v>
      </c>
      <c r="N165" s="26">
        <v>46326</v>
      </c>
      <c r="O165" s="52"/>
      <c r="P165" s="52"/>
      <c r="Q165" s="52"/>
      <c r="R165" s="49" t="s">
        <v>1808</v>
      </c>
      <c r="S165" s="49" t="s">
        <v>1832</v>
      </c>
    </row>
    <row r="166" spans="1:19" s="54" customFormat="1" ht="46.5" customHeight="1" x14ac:dyDescent="0.15">
      <c r="A166" s="47" t="s">
        <v>42</v>
      </c>
      <c r="B166" s="48" t="str">
        <f>IFERROR(VLOOKUP($A166,削除禁止!$A$1:$J$42,2,0),"")</f>
        <v>通所系</v>
      </c>
      <c r="C166" s="10">
        <v>1610102715</v>
      </c>
      <c r="D166" s="10"/>
      <c r="E166" s="10" t="s">
        <v>651</v>
      </c>
      <c r="F166" s="16" t="s">
        <v>1598</v>
      </c>
      <c r="G166" s="10">
        <v>15</v>
      </c>
      <c r="H166" s="10" t="s">
        <v>582</v>
      </c>
      <c r="I166" s="16" t="s">
        <v>1302</v>
      </c>
      <c r="J166" s="10" t="s">
        <v>523</v>
      </c>
      <c r="K166" s="10" t="s">
        <v>831</v>
      </c>
      <c r="L166" s="16" t="s">
        <v>262</v>
      </c>
      <c r="M166" s="26">
        <v>44501</v>
      </c>
      <c r="N166" s="26">
        <v>46691</v>
      </c>
      <c r="O166" s="52"/>
      <c r="P166" s="52"/>
      <c r="Q166" s="52"/>
      <c r="R166" s="49" t="s">
        <v>1764</v>
      </c>
      <c r="S166" s="49" t="s">
        <v>1825</v>
      </c>
    </row>
    <row r="167" spans="1:19" s="54" customFormat="1" ht="46.5" customHeight="1" x14ac:dyDescent="0.15">
      <c r="A167" s="47" t="s">
        <v>42</v>
      </c>
      <c r="B167" s="48" t="str">
        <f>IFERROR(VLOOKUP($A167,削除禁止!$A$1:$J$42,2,0),"")</f>
        <v>通所系</v>
      </c>
      <c r="C167" s="10">
        <v>1610102723</v>
      </c>
      <c r="D167" s="10" t="s">
        <v>651</v>
      </c>
      <c r="E167" s="10"/>
      <c r="F167" s="16" t="s">
        <v>1728</v>
      </c>
      <c r="G167" s="10">
        <v>14</v>
      </c>
      <c r="H167" s="10" t="s">
        <v>104</v>
      </c>
      <c r="I167" s="16" t="s">
        <v>634</v>
      </c>
      <c r="J167" s="10" t="s">
        <v>815</v>
      </c>
      <c r="K167" s="10" t="s">
        <v>1473</v>
      </c>
      <c r="L167" s="16" t="s">
        <v>1638</v>
      </c>
      <c r="M167" s="26">
        <v>44531</v>
      </c>
      <c r="N167" s="26">
        <v>46721</v>
      </c>
      <c r="O167" s="52"/>
      <c r="P167" s="52"/>
      <c r="Q167" s="52"/>
      <c r="R167" s="49" t="s">
        <v>1764</v>
      </c>
      <c r="S167" s="49" t="s">
        <v>1368</v>
      </c>
    </row>
    <row r="168" spans="1:19" s="54" customFormat="1" ht="46.5" customHeight="1" x14ac:dyDescent="0.15">
      <c r="A168" s="47" t="s">
        <v>42</v>
      </c>
      <c r="B168" s="48" t="str">
        <f>IFERROR(VLOOKUP($A168,削除禁止!$A$1:$J$42,2,0),"")</f>
        <v>通所系</v>
      </c>
      <c r="C168" s="10">
        <v>1610102772</v>
      </c>
      <c r="D168" s="10" t="s">
        <v>651</v>
      </c>
      <c r="E168" s="10"/>
      <c r="F168" s="16" t="s">
        <v>291</v>
      </c>
      <c r="G168" s="10">
        <v>2</v>
      </c>
      <c r="H168" s="10" t="s">
        <v>3</v>
      </c>
      <c r="I168" s="16" t="s">
        <v>1680</v>
      </c>
      <c r="J168" s="10" t="s">
        <v>952</v>
      </c>
      <c r="K168" s="10" t="s">
        <v>413</v>
      </c>
      <c r="L168" s="16" t="s">
        <v>1198</v>
      </c>
      <c r="M168" s="26">
        <v>44652</v>
      </c>
      <c r="N168" s="26">
        <v>46843</v>
      </c>
      <c r="O168" s="52"/>
      <c r="P168" s="52"/>
      <c r="Q168" s="52"/>
      <c r="R168" s="49" t="s">
        <v>1764</v>
      </c>
      <c r="S168" s="49" t="s">
        <v>1525</v>
      </c>
    </row>
    <row r="169" spans="1:19" s="54" customFormat="1" ht="46.5" customHeight="1" x14ac:dyDescent="0.15">
      <c r="A169" s="47" t="s">
        <v>42</v>
      </c>
      <c r="B169" s="48" t="str">
        <f>IFERROR(VLOOKUP($A169,削除禁止!$A$1:$J$42,2,0),"")</f>
        <v>通所系</v>
      </c>
      <c r="C169" s="10">
        <v>1610102913</v>
      </c>
      <c r="D169" s="10"/>
      <c r="E169" s="10"/>
      <c r="F169" s="16" t="s">
        <v>1729</v>
      </c>
      <c r="G169" s="10">
        <v>20</v>
      </c>
      <c r="H169" s="10" t="s">
        <v>924</v>
      </c>
      <c r="I169" s="16" t="s">
        <v>1378</v>
      </c>
      <c r="J169" s="10" t="s">
        <v>1720</v>
      </c>
      <c r="K169" s="10" t="s">
        <v>1293</v>
      </c>
      <c r="L169" s="16" t="s">
        <v>1528</v>
      </c>
      <c r="M169" s="26">
        <v>44958</v>
      </c>
      <c r="N169" s="26">
        <v>47149</v>
      </c>
      <c r="O169" s="52"/>
      <c r="P169" s="52"/>
      <c r="Q169" s="52"/>
      <c r="R169" s="49" t="s">
        <v>1764</v>
      </c>
      <c r="S169" s="49" t="s">
        <v>192</v>
      </c>
    </row>
    <row r="170" spans="1:19" s="54" customFormat="1" ht="46.5" customHeight="1" x14ac:dyDescent="0.15">
      <c r="A170" s="47" t="s">
        <v>42</v>
      </c>
      <c r="B170" s="48" t="str">
        <f>IFERROR(VLOOKUP($A170,削除禁止!$A$1:$J$42,2,0),"")</f>
        <v>通所系</v>
      </c>
      <c r="C170" s="10">
        <v>1610102954</v>
      </c>
      <c r="D170" s="10"/>
      <c r="E170" s="10" t="s">
        <v>651</v>
      </c>
      <c r="F170" s="16" t="s">
        <v>306</v>
      </c>
      <c r="G170" s="10">
        <v>15</v>
      </c>
      <c r="H170" s="10" t="s">
        <v>1435</v>
      </c>
      <c r="I170" s="16" t="s">
        <v>1856</v>
      </c>
      <c r="J170" s="10" t="s">
        <v>1857</v>
      </c>
      <c r="K170" s="10" t="s">
        <v>1601</v>
      </c>
      <c r="L170" s="16" t="s">
        <v>1268</v>
      </c>
      <c r="M170" s="26">
        <v>45047</v>
      </c>
      <c r="N170" s="26">
        <v>47238</v>
      </c>
      <c r="O170" s="52"/>
      <c r="P170" s="52"/>
      <c r="Q170" s="52"/>
      <c r="R170" s="49" t="s">
        <v>1008</v>
      </c>
      <c r="S170" s="49" t="s">
        <v>1835</v>
      </c>
    </row>
    <row r="171" spans="1:19" s="53" customFormat="1" ht="46.5" customHeight="1" x14ac:dyDescent="0.15">
      <c r="A171" s="47" t="s">
        <v>42</v>
      </c>
      <c r="B171" s="48" t="str">
        <f>IFERROR(VLOOKUP($A171,削除禁止!$A$1:$J$42,2,0),"")</f>
        <v>通所系</v>
      </c>
      <c r="C171" s="10">
        <v>1610102970</v>
      </c>
      <c r="D171" s="10"/>
      <c r="E171" s="10" t="s">
        <v>651</v>
      </c>
      <c r="F171" s="16" t="s">
        <v>1877</v>
      </c>
      <c r="G171" s="10">
        <v>25</v>
      </c>
      <c r="H171" s="10" t="s">
        <v>575</v>
      </c>
      <c r="I171" s="16" t="s">
        <v>1581</v>
      </c>
      <c r="J171" s="10" t="s">
        <v>1622</v>
      </c>
      <c r="K171" s="10" t="s">
        <v>1776</v>
      </c>
      <c r="L171" s="16" t="s">
        <v>1878</v>
      </c>
      <c r="M171" s="26">
        <v>45200</v>
      </c>
      <c r="N171" s="26">
        <v>47391</v>
      </c>
      <c r="O171" s="52"/>
      <c r="P171" s="52"/>
      <c r="Q171" s="52"/>
      <c r="R171" s="49" t="s">
        <v>1808</v>
      </c>
      <c r="S171" s="49" t="s">
        <v>1832</v>
      </c>
    </row>
    <row r="172" spans="1:19" s="54" customFormat="1" ht="46.5" customHeight="1" x14ac:dyDescent="0.15">
      <c r="A172" s="47" t="s">
        <v>1336</v>
      </c>
      <c r="B172" s="48" t="str">
        <f>IFERROR(VLOOKUP($A172,削除禁止!$A$1:$J$42,2,0),"")</f>
        <v>通所系</v>
      </c>
      <c r="C172" s="10">
        <v>1610102095</v>
      </c>
      <c r="D172" s="10"/>
      <c r="E172" s="10" t="s">
        <v>651</v>
      </c>
      <c r="F172" s="51" t="s">
        <v>796</v>
      </c>
      <c r="G172" s="10">
        <v>18</v>
      </c>
      <c r="H172" s="10" t="s">
        <v>611</v>
      </c>
      <c r="I172" s="16" t="s">
        <v>1570</v>
      </c>
      <c r="J172" s="10" t="s">
        <v>819</v>
      </c>
      <c r="K172" s="10" t="s">
        <v>327</v>
      </c>
      <c r="L172" s="16" t="s">
        <v>669</v>
      </c>
      <c r="M172" s="26">
        <v>43191</v>
      </c>
      <c r="N172" s="26">
        <v>47573</v>
      </c>
      <c r="O172" s="52"/>
      <c r="P172" s="52"/>
      <c r="Q172" s="52"/>
      <c r="R172" s="49" t="s">
        <v>1764</v>
      </c>
      <c r="S172" s="49" t="s">
        <v>1825</v>
      </c>
    </row>
    <row r="173" spans="1:19" s="54" customFormat="1" ht="46.5" customHeight="1" x14ac:dyDescent="0.15">
      <c r="A173" s="47" t="s">
        <v>1336</v>
      </c>
      <c r="B173" s="48" t="str">
        <f>IFERROR(VLOOKUP($A173,削除禁止!$A$1:$J$42,2,0),"")</f>
        <v>通所系</v>
      </c>
      <c r="C173" s="10">
        <v>1610102152</v>
      </c>
      <c r="D173" s="10"/>
      <c r="E173" s="10" t="s">
        <v>651</v>
      </c>
      <c r="F173" s="51" t="s">
        <v>495</v>
      </c>
      <c r="G173" s="10">
        <v>10</v>
      </c>
      <c r="H173" s="10" t="s">
        <v>189</v>
      </c>
      <c r="I173" s="16" t="s">
        <v>1239</v>
      </c>
      <c r="J173" s="10" t="s">
        <v>821</v>
      </c>
      <c r="K173" s="10" t="s">
        <v>821</v>
      </c>
      <c r="L173" s="16" t="s">
        <v>244</v>
      </c>
      <c r="M173" s="26">
        <v>43191</v>
      </c>
      <c r="N173" s="26">
        <v>47573</v>
      </c>
      <c r="O173" s="52"/>
      <c r="P173" s="52"/>
      <c r="Q173" s="52"/>
      <c r="R173" s="49" t="s">
        <v>1764</v>
      </c>
      <c r="S173" s="49" t="s">
        <v>1822</v>
      </c>
    </row>
    <row r="174" spans="1:19" s="54" customFormat="1" ht="46.5" customHeight="1" x14ac:dyDescent="0.15">
      <c r="A174" s="47" t="s">
        <v>1336</v>
      </c>
      <c r="B174" s="48" t="str">
        <f>IFERROR(VLOOKUP($A174,削除禁止!$A$1:$J$42,2,0),"")</f>
        <v>通所系</v>
      </c>
      <c r="C174" s="10">
        <v>1610101980</v>
      </c>
      <c r="D174" s="10"/>
      <c r="E174" s="10" t="s">
        <v>651</v>
      </c>
      <c r="F174" s="51" t="s">
        <v>105</v>
      </c>
      <c r="G174" s="10">
        <v>19</v>
      </c>
      <c r="H174" s="10" t="s">
        <v>173</v>
      </c>
      <c r="I174" s="16" t="s">
        <v>998</v>
      </c>
      <c r="J174" s="10" t="s">
        <v>630</v>
      </c>
      <c r="K174" s="10" t="s">
        <v>832</v>
      </c>
      <c r="L174" s="16" t="s">
        <v>194</v>
      </c>
      <c r="M174" s="26">
        <v>43191</v>
      </c>
      <c r="N174" s="26">
        <v>47573</v>
      </c>
      <c r="O174" s="52"/>
      <c r="P174" s="52"/>
      <c r="Q174" s="52"/>
      <c r="R174" s="49" t="s">
        <v>1764</v>
      </c>
      <c r="S174" s="49" t="s">
        <v>1525</v>
      </c>
    </row>
    <row r="175" spans="1:19" s="54" customFormat="1" ht="46.5" customHeight="1" x14ac:dyDescent="0.15">
      <c r="A175" s="47" t="s">
        <v>1336</v>
      </c>
      <c r="B175" s="48" t="str">
        <f>IFERROR(VLOOKUP($A175,削除禁止!$A$1:$J$42,2,0),"")</f>
        <v>通所系</v>
      </c>
      <c r="C175" s="10">
        <v>1610102178</v>
      </c>
      <c r="D175" s="10"/>
      <c r="E175" s="10" t="s">
        <v>651</v>
      </c>
      <c r="F175" s="51" t="s">
        <v>975</v>
      </c>
      <c r="G175" s="10">
        <v>10</v>
      </c>
      <c r="H175" s="10" t="s">
        <v>287</v>
      </c>
      <c r="I175" s="16" t="s">
        <v>810</v>
      </c>
      <c r="J175" s="10" t="s">
        <v>778</v>
      </c>
      <c r="K175" s="10" t="s">
        <v>779</v>
      </c>
      <c r="L175" s="16" t="s">
        <v>976</v>
      </c>
      <c r="M175" s="26">
        <v>43191</v>
      </c>
      <c r="N175" s="26">
        <v>47573</v>
      </c>
      <c r="O175" s="52"/>
      <c r="P175" s="52"/>
      <c r="Q175" s="52"/>
      <c r="R175" s="49" t="s">
        <v>1809</v>
      </c>
      <c r="S175" s="49" t="s">
        <v>1779</v>
      </c>
    </row>
    <row r="176" spans="1:19" s="54" customFormat="1" ht="46.5" customHeight="1" x14ac:dyDescent="0.15">
      <c r="A176" s="47" t="s">
        <v>1336</v>
      </c>
      <c r="B176" s="48" t="str">
        <f>IFERROR(VLOOKUP($A176,削除禁止!$A$1:$J$42,2,0),"")</f>
        <v>通所系</v>
      </c>
      <c r="C176" s="10">
        <v>1610102061</v>
      </c>
      <c r="D176" s="10" t="s">
        <v>651</v>
      </c>
      <c r="E176" s="10" t="s">
        <v>651</v>
      </c>
      <c r="F176" s="51" t="s">
        <v>426</v>
      </c>
      <c r="G176" s="10">
        <v>10</v>
      </c>
      <c r="H176" s="10" t="s">
        <v>352</v>
      </c>
      <c r="I176" s="16" t="s">
        <v>1396</v>
      </c>
      <c r="J176" s="10" t="s">
        <v>748</v>
      </c>
      <c r="K176" s="10" t="s">
        <v>494</v>
      </c>
      <c r="L176" s="16" t="s">
        <v>521</v>
      </c>
      <c r="M176" s="26">
        <v>43191</v>
      </c>
      <c r="N176" s="26">
        <v>47573</v>
      </c>
      <c r="O176" s="52"/>
      <c r="P176" s="52"/>
      <c r="Q176" s="52"/>
      <c r="R176" s="49" t="s">
        <v>1764</v>
      </c>
      <c r="S176" s="49" t="s">
        <v>1829</v>
      </c>
    </row>
    <row r="177" spans="1:19" s="54" customFormat="1" ht="46.5" customHeight="1" x14ac:dyDescent="0.15">
      <c r="A177" s="47" t="s">
        <v>1336</v>
      </c>
      <c r="B177" s="48" t="str">
        <f>IFERROR(VLOOKUP($A177,削除禁止!$A$1:$J$42,2,0),"")</f>
        <v>通所系</v>
      </c>
      <c r="C177" s="10">
        <v>1610102137</v>
      </c>
      <c r="D177" s="10"/>
      <c r="E177" s="10" t="s">
        <v>651</v>
      </c>
      <c r="F177" s="51" t="s">
        <v>1197</v>
      </c>
      <c r="G177" s="10">
        <v>25</v>
      </c>
      <c r="H177" s="10" t="s">
        <v>24</v>
      </c>
      <c r="I177" s="16" t="s">
        <v>1121</v>
      </c>
      <c r="J177" s="10" t="s">
        <v>667</v>
      </c>
      <c r="K177" s="10" t="s">
        <v>667</v>
      </c>
      <c r="L177" s="16" t="s">
        <v>22</v>
      </c>
      <c r="M177" s="26">
        <v>43191</v>
      </c>
      <c r="N177" s="26">
        <v>47573</v>
      </c>
      <c r="O177" s="52"/>
      <c r="P177" s="52"/>
      <c r="Q177" s="52"/>
      <c r="R177" s="49" t="s">
        <v>1764</v>
      </c>
      <c r="S177" s="49" t="s">
        <v>1826</v>
      </c>
    </row>
    <row r="178" spans="1:19" s="54" customFormat="1" ht="46.5" customHeight="1" x14ac:dyDescent="0.15">
      <c r="A178" s="47" t="s">
        <v>1336</v>
      </c>
      <c r="B178" s="48" t="str">
        <f>IFERROR(VLOOKUP($A178,削除禁止!$A$1:$J$42,2,0),"")</f>
        <v>通所系</v>
      </c>
      <c r="C178" s="10">
        <v>1610102160</v>
      </c>
      <c r="D178" s="10"/>
      <c r="E178" s="10" t="s">
        <v>651</v>
      </c>
      <c r="F178" s="51" t="s">
        <v>808</v>
      </c>
      <c r="G178" s="10">
        <v>25</v>
      </c>
      <c r="H178" s="10" t="s">
        <v>506</v>
      </c>
      <c r="I178" s="16" t="s">
        <v>540</v>
      </c>
      <c r="J178" s="10" t="s">
        <v>508</v>
      </c>
      <c r="K178" s="10" t="s">
        <v>314</v>
      </c>
      <c r="L178" s="16" t="s">
        <v>22</v>
      </c>
      <c r="M178" s="26">
        <v>43191</v>
      </c>
      <c r="N178" s="26">
        <v>47573</v>
      </c>
      <c r="O178" s="52"/>
      <c r="P178" s="52"/>
      <c r="Q178" s="52"/>
      <c r="R178" s="49" t="s">
        <v>1764</v>
      </c>
      <c r="S178" s="49" t="s">
        <v>1760</v>
      </c>
    </row>
    <row r="179" spans="1:19" s="54" customFormat="1" ht="46.5" customHeight="1" x14ac:dyDescent="0.15">
      <c r="A179" s="47" t="s">
        <v>1336</v>
      </c>
      <c r="B179" s="48" t="str">
        <f>IFERROR(VLOOKUP($A179,削除禁止!$A$1:$J$42,2,0),"")</f>
        <v>通所系</v>
      </c>
      <c r="C179" s="10">
        <v>1610102012</v>
      </c>
      <c r="D179" s="10"/>
      <c r="E179" s="10" t="s">
        <v>651</v>
      </c>
      <c r="F179" s="51" t="s">
        <v>956</v>
      </c>
      <c r="G179" s="10">
        <v>11</v>
      </c>
      <c r="H179" s="10" t="s">
        <v>688</v>
      </c>
      <c r="I179" s="16" t="s">
        <v>1346</v>
      </c>
      <c r="J179" s="10" t="s">
        <v>809</v>
      </c>
      <c r="K179" s="10" t="s">
        <v>809</v>
      </c>
      <c r="L179" s="16" t="s">
        <v>960</v>
      </c>
      <c r="M179" s="26">
        <v>43191</v>
      </c>
      <c r="N179" s="26">
        <v>47573</v>
      </c>
      <c r="O179" s="52"/>
      <c r="P179" s="52"/>
      <c r="Q179" s="52"/>
      <c r="R179" s="49" t="s">
        <v>1764</v>
      </c>
      <c r="S179" s="49" t="s">
        <v>597</v>
      </c>
    </row>
    <row r="180" spans="1:19" s="54" customFormat="1" ht="46.5" customHeight="1" x14ac:dyDescent="0.15">
      <c r="A180" s="47" t="s">
        <v>1336</v>
      </c>
      <c r="B180" s="48" t="str">
        <f>IFERROR(VLOOKUP($A180,削除禁止!$A$1:$J$42,2,0),"")</f>
        <v>通所系</v>
      </c>
      <c r="C180" s="10">
        <v>1610102079</v>
      </c>
      <c r="D180" s="10"/>
      <c r="E180" s="10" t="s">
        <v>651</v>
      </c>
      <c r="F180" s="51" t="s">
        <v>982</v>
      </c>
      <c r="G180" s="10">
        <v>18</v>
      </c>
      <c r="H180" s="10" t="s">
        <v>834</v>
      </c>
      <c r="I180" s="55" t="s">
        <v>1397</v>
      </c>
      <c r="J180" s="10" t="s">
        <v>180</v>
      </c>
      <c r="K180" s="10" t="s">
        <v>816</v>
      </c>
      <c r="L180" s="16" t="s">
        <v>868</v>
      </c>
      <c r="M180" s="26">
        <v>43191</v>
      </c>
      <c r="N180" s="26">
        <v>47573</v>
      </c>
      <c r="O180" s="52"/>
      <c r="P180" s="52"/>
      <c r="Q180" s="52"/>
      <c r="R180" s="49" t="s">
        <v>1008</v>
      </c>
      <c r="S180" s="49" t="s">
        <v>1800</v>
      </c>
    </row>
    <row r="181" spans="1:19" s="54" customFormat="1" ht="46.5" customHeight="1" x14ac:dyDescent="0.15">
      <c r="A181" s="47" t="s">
        <v>1336</v>
      </c>
      <c r="B181" s="48" t="str">
        <f>IFERROR(VLOOKUP($A181,削除禁止!$A$1:$J$42,2,0),"")</f>
        <v>通所系</v>
      </c>
      <c r="C181" s="10">
        <v>1610102376</v>
      </c>
      <c r="D181" s="10" t="s">
        <v>651</v>
      </c>
      <c r="E181" s="10"/>
      <c r="F181" s="16" t="s">
        <v>1176</v>
      </c>
      <c r="G181" s="10">
        <v>10</v>
      </c>
      <c r="H181" s="10" t="s">
        <v>479</v>
      </c>
      <c r="I181" s="16" t="s">
        <v>1329</v>
      </c>
      <c r="J181" s="10" t="s">
        <v>486</v>
      </c>
      <c r="K181" s="10" t="s">
        <v>455</v>
      </c>
      <c r="L181" s="16" t="s">
        <v>389</v>
      </c>
      <c r="M181" s="26">
        <v>43556</v>
      </c>
      <c r="N181" s="26">
        <v>45747</v>
      </c>
      <c r="O181" s="52"/>
      <c r="P181" s="52"/>
      <c r="Q181" s="52"/>
      <c r="R181" s="49" t="s">
        <v>1764</v>
      </c>
      <c r="S181" s="49" t="s">
        <v>192</v>
      </c>
    </row>
    <row r="182" spans="1:19" s="54" customFormat="1" ht="46.5" customHeight="1" x14ac:dyDescent="0.15">
      <c r="A182" s="47" t="s">
        <v>1336</v>
      </c>
      <c r="B182" s="48" t="str">
        <f>IFERROR(VLOOKUP($A182,削除禁止!$A$1:$J$42,2,0),"")</f>
        <v>通所系</v>
      </c>
      <c r="C182" s="10">
        <v>1610102541</v>
      </c>
      <c r="D182" s="10"/>
      <c r="E182" s="10" t="s">
        <v>651</v>
      </c>
      <c r="F182" s="51" t="s">
        <v>994</v>
      </c>
      <c r="G182" s="10">
        <v>10</v>
      </c>
      <c r="H182" s="10" t="s">
        <v>673</v>
      </c>
      <c r="I182" s="16" t="s">
        <v>1679</v>
      </c>
      <c r="J182" s="10" t="s">
        <v>997</v>
      </c>
      <c r="K182" s="10" t="s">
        <v>997</v>
      </c>
      <c r="L182" s="16" t="s">
        <v>229</v>
      </c>
      <c r="M182" s="26">
        <v>43922</v>
      </c>
      <c r="N182" s="26">
        <v>46112</v>
      </c>
      <c r="O182" s="52"/>
      <c r="P182" s="52"/>
      <c r="Q182" s="52"/>
      <c r="R182" s="49" t="s">
        <v>1764</v>
      </c>
      <c r="S182" s="49" t="s">
        <v>1519</v>
      </c>
    </row>
    <row r="183" spans="1:19" s="54" customFormat="1" ht="46.5" customHeight="1" x14ac:dyDescent="0.15">
      <c r="A183" s="47" t="s">
        <v>1336</v>
      </c>
      <c r="B183" s="48" t="str">
        <f>IFERROR(VLOOKUP($A183,削除禁止!$A$1:$J$42,2,0),"")</f>
        <v>通所系</v>
      </c>
      <c r="C183" s="10">
        <v>1610102954</v>
      </c>
      <c r="D183" s="10"/>
      <c r="E183" s="10" t="s">
        <v>651</v>
      </c>
      <c r="F183" s="16" t="s">
        <v>306</v>
      </c>
      <c r="G183" s="10">
        <v>15</v>
      </c>
      <c r="H183" s="10" t="s">
        <v>1435</v>
      </c>
      <c r="I183" s="16" t="s">
        <v>1856</v>
      </c>
      <c r="J183" s="10" t="s">
        <v>1857</v>
      </c>
      <c r="K183" s="10" t="s">
        <v>1601</v>
      </c>
      <c r="L183" s="16" t="s">
        <v>1268</v>
      </c>
      <c r="M183" s="26">
        <v>45047</v>
      </c>
      <c r="N183" s="26">
        <v>47238</v>
      </c>
      <c r="O183" s="52"/>
      <c r="P183" s="52"/>
      <c r="Q183" s="52"/>
      <c r="R183" s="49" t="s">
        <v>1008</v>
      </c>
      <c r="S183" s="49" t="s">
        <v>1835</v>
      </c>
    </row>
    <row r="184" spans="1:19" s="53" customFormat="1" ht="46.5" customHeight="1" x14ac:dyDescent="0.15">
      <c r="A184" s="47" t="s">
        <v>1460</v>
      </c>
      <c r="B184" s="48" t="str">
        <f>IFERROR(VLOOKUP($A184,削除禁止!$A$1:$J$42,2,0),"")</f>
        <v>通所系</v>
      </c>
      <c r="C184" s="10">
        <v>1610100149</v>
      </c>
      <c r="D184" s="10" t="s">
        <v>651</v>
      </c>
      <c r="E184" s="10"/>
      <c r="F184" s="16" t="s">
        <v>1881</v>
      </c>
      <c r="G184" s="10">
        <v>6</v>
      </c>
      <c r="H184" s="10" t="s">
        <v>1541</v>
      </c>
      <c r="I184" s="16" t="s">
        <v>1330</v>
      </c>
      <c r="J184" s="10" t="s">
        <v>267</v>
      </c>
      <c r="K184" s="10" t="s">
        <v>276</v>
      </c>
      <c r="L184" s="16" t="s">
        <v>279</v>
      </c>
      <c r="M184" s="26">
        <v>40269</v>
      </c>
      <c r="N184" s="26">
        <v>46843</v>
      </c>
      <c r="O184" s="52"/>
      <c r="P184" s="52"/>
      <c r="Q184" s="52"/>
      <c r="R184" s="49" t="s">
        <v>1808</v>
      </c>
      <c r="S184" s="49" t="s">
        <v>1767</v>
      </c>
    </row>
    <row r="185" spans="1:19" s="53" customFormat="1" ht="46.5" customHeight="1" x14ac:dyDescent="0.15">
      <c r="A185" s="47" t="s">
        <v>1460</v>
      </c>
      <c r="B185" s="48" t="str">
        <f>IFERROR(VLOOKUP($A185,削除禁止!$A$1:$J$42,2,0),"")</f>
        <v>通所系</v>
      </c>
      <c r="C185" s="10">
        <v>1610101949</v>
      </c>
      <c r="D185" s="10" t="s">
        <v>651</v>
      </c>
      <c r="E185" s="10"/>
      <c r="F185" s="16" t="s">
        <v>889</v>
      </c>
      <c r="G185" s="10">
        <v>9</v>
      </c>
      <c r="H185" s="10" t="s">
        <v>788</v>
      </c>
      <c r="I185" s="16" t="s">
        <v>1349</v>
      </c>
      <c r="J185" s="10" t="s">
        <v>234</v>
      </c>
      <c r="K185" s="10" t="s">
        <v>51</v>
      </c>
      <c r="L185" s="16" t="s">
        <v>380</v>
      </c>
      <c r="M185" s="26">
        <v>42887</v>
      </c>
      <c r="N185" s="26">
        <v>47269</v>
      </c>
      <c r="O185" s="52"/>
      <c r="P185" s="52"/>
      <c r="Q185" s="52"/>
      <c r="R185" s="49" t="s">
        <v>1764</v>
      </c>
      <c r="S185" s="49" t="s">
        <v>1820</v>
      </c>
    </row>
    <row r="186" spans="1:19" s="54" customFormat="1" ht="46.5" customHeight="1" x14ac:dyDescent="0.15">
      <c r="A186" s="47" t="s">
        <v>1460</v>
      </c>
      <c r="B186" s="48" t="str">
        <f>IFERROR(VLOOKUP($A186,削除禁止!$A$1:$J$42,2,0),"")</f>
        <v>通所系</v>
      </c>
      <c r="C186" s="10">
        <v>1610102152</v>
      </c>
      <c r="D186" s="10"/>
      <c r="E186" s="10" t="s">
        <v>651</v>
      </c>
      <c r="F186" s="51" t="s">
        <v>495</v>
      </c>
      <c r="G186" s="10">
        <v>10</v>
      </c>
      <c r="H186" s="10" t="s">
        <v>189</v>
      </c>
      <c r="I186" s="16" t="s">
        <v>1239</v>
      </c>
      <c r="J186" s="10" t="s">
        <v>821</v>
      </c>
      <c r="K186" s="10" t="s">
        <v>821</v>
      </c>
      <c r="L186" s="16" t="s">
        <v>244</v>
      </c>
      <c r="M186" s="26">
        <v>43191</v>
      </c>
      <c r="N186" s="26">
        <v>47573</v>
      </c>
      <c r="O186" s="52"/>
      <c r="P186" s="52"/>
      <c r="Q186" s="52"/>
      <c r="R186" s="49" t="s">
        <v>1764</v>
      </c>
      <c r="S186" s="49" t="s">
        <v>1822</v>
      </c>
    </row>
    <row r="187" spans="1:19" s="54" customFormat="1" ht="46.5" customHeight="1" x14ac:dyDescent="0.15">
      <c r="A187" s="47" t="s">
        <v>1460</v>
      </c>
      <c r="B187" s="48" t="str">
        <f>IFERROR(VLOOKUP($A187,削除禁止!$A$1:$J$42,2,0),"")</f>
        <v>通所系</v>
      </c>
      <c r="C187" s="10">
        <v>1610101980</v>
      </c>
      <c r="D187" s="10"/>
      <c r="E187" s="10" t="s">
        <v>651</v>
      </c>
      <c r="F187" s="51" t="s">
        <v>105</v>
      </c>
      <c r="G187" s="10">
        <v>19</v>
      </c>
      <c r="H187" s="10" t="s">
        <v>173</v>
      </c>
      <c r="I187" s="16" t="s">
        <v>998</v>
      </c>
      <c r="J187" s="10" t="s">
        <v>630</v>
      </c>
      <c r="K187" s="10" t="s">
        <v>832</v>
      </c>
      <c r="L187" s="16" t="s">
        <v>194</v>
      </c>
      <c r="M187" s="26">
        <v>43191</v>
      </c>
      <c r="N187" s="26">
        <v>47573</v>
      </c>
      <c r="O187" s="52"/>
      <c r="P187" s="52"/>
      <c r="Q187" s="52"/>
      <c r="R187" s="49" t="s">
        <v>1764</v>
      </c>
      <c r="S187" s="49" t="s">
        <v>1525</v>
      </c>
    </row>
    <row r="188" spans="1:19" s="54" customFormat="1" ht="46.5" customHeight="1" x14ac:dyDescent="0.15">
      <c r="A188" s="47" t="s">
        <v>1460</v>
      </c>
      <c r="B188" s="48" t="str">
        <f>IFERROR(VLOOKUP($A188,削除禁止!$A$1:$J$42,2,0),"")</f>
        <v>通所系</v>
      </c>
      <c r="C188" s="10">
        <v>1610102178</v>
      </c>
      <c r="D188" s="10"/>
      <c r="E188" s="10" t="s">
        <v>651</v>
      </c>
      <c r="F188" s="51" t="s">
        <v>975</v>
      </c>
      <c r="G188" s="10">
        <v>10</v>
      </c>
      <c r="H188" s="10" t="s">
        <v>287</v>
      </c>
      <c r="I188" s="16" t="s">
        <v>810</v>
      </c>
      <c r="J188" s="10" t="s">
        <v>778</v>
      </c>
      <c r="K188" s="10" t="s">
        <v>779</v>
      </c>
      <c r="L188" s="16" t="s">
        <v>976</v>
      </c>
      <c r="M188" s="26">
        <v>43191</v>
      </c>
      <c r="N188" s="26">
        <v>47573</v>
      </c>
      <c r="O188" s="52"/>
      <c r="P188" s="52"/>
      <c r="Q188" s="52"/>
      <c r="R188" s="49" t="s">
        <v>1809</v>
      </c>
      <c r="S188" s="49" t="s">
        <v>1779</v>
      </c>
    </row>
    <row r="189" spans="1:19" s="54" customFormat="1" ht="46.5" customHeight="1" x14ac:dyDescent="0.15">
      <c r="A189" s="47" t="s">
        <v>1460</v>
      </c>
      <c r="B189" s="48" t="str">
        <f>IFERROR(VLOOKUP($A189,削除禁止!$A$1:$J$42,2,0),"")</f>
        <v>通所系</v>
      </c>
      <c r="C189" s="10">
        <v>1610102087</v>
      </c>
      <c r="D189" s="10"/>
      <c r="E189" s="10" t="s">
        <v>651</v>
      </c>
      <c r="F189" s="51" t="s">
        <v>961</v>
      </c>
      <c r="G189" s="10">
        <v>10</v>
      </c>
      <c r="H189" s="10" t="s">
        <v>835</v>
      </c>
      <c r="I189" s="16" t="s">
        <v>427</v>
      </c>
      <c r="J189" s="10" t="s">
        <v>461</v>
      </c>
      <c r="K189" s="10" t="s">
        <v>461</v>
      </c>
      <c r="L189" s="16" t="s">
        <v>742</v>
      </c>
      <c r="M189" s="26">
        <v>43191</v>
      </c>
      <c r="N189" s="26">
        <v>47573</v>
      </c>
      <c r="O189" s="52"/>
      <c r="P189" s="52"/>
      <c r="Q189" s="52"/>
      <c r="R189" s="49" t="s">
        <v>1764</v>
      </c>
      <c r="S189" s="49" t="s">
        <v>1816</v>
      </c>
    </row>
    <row r="190" spans="1:19" s="54" customFormat="1" ht="46.5" customHeight="1" x14ac:dyDescent="0.15">
      <c r="A190" s="47" t="s">
        <v>1460</v>
      </c>
      <c r="B190" s="48" t="str">
        <f>IFERROR(VLOOKUP($A190,削除禁止!$A$1:$J$42,2,0),"")</f>
        <v>通所系</v>
      </c>
      <c r="C190" s="10">
        <v>1610102061</v>
      </c>
      <c r="D190" s="10" t="s">
        <v>651</v>
      </c>
      <c r="E190" s="10" t="s">
        <v>651</v>
      </c>
      <c r="F190" s="51" t="s">
        <v>426</v>
      </c>
      <c r="G190" s="10">
        <v>10</v>
      </c>
      <c r="H190" s="10" t="s">
        <v>352</v>
      </c>
      <c r="I190" s="16" t="s">
        <v>1396</v>
      </c>
      <c r="J190" s="10" t="s">
        <v>983</v>
      </c>
      <c r="K190" s="10" t="s">
        <v>494</v>
      </c>
      <c r="L190" s="16" t="s">
        <v>521</v>
      </c>
      <c r="M190" s="26">
        <v>43191</v>
      </c>
      <c r="N190" s="26">
        <v>47573</v>
      </c>
      <c r="O190" s="52"/>
      <c r="P190" s="52"/>
      <c r="Q190" s="52"/>
      <c r="R190" s="49" t="s">
        <v>1764</v>
      </c>
      <c r="S190" s="49" t="s">
        <v>1829</v>
      </c>
    </row>
    <row r="191" spans="1:19" s="54" customFormat="1" ht="46.5" customHeight="1" x14ac:dyDescent="0.15">
      <c r="A191" s="47" t="s">
        <v>1460</v>
      </c>
      <c r="B191" s="48" t="str">
        <f>IFERROR(VLOOKUP($A191,削除禁止!$A$1:$J$42,2,0),"")</f>
        <v>通所系</v>
      </c>
      <c r="C191" s="10">
        <v>1610102137</v>
      </c>
      <c r="D191" s="10"/>
      <c r="E191" s="10" t="s">
        <v>651</v>
      </c>
      <c r="F191" s="51" t="s">
        <v>1197</v>
      </c>
      <c r="G191" s="10">
        <v>25</v>
      </c>
      <c r="H191" s="10" t="s">
        <v>24</v>
      </c>
      <c r="I191" s="16" t="s">
        <v>1121</v>
      </c>
      <c r="J191" s="10" t="s">
        <v>667</v>
      </c>
      <c r="K191" s="10" t="s">
        <v>583</v>
      </c>
      <c r="L191" s="16" t="s">
        <v>22</v>
      </c>
      <c r="M191" s="26">
        <v>43191</v>
      </c>
      <c r="N191" s="26">
        <v>47573</v>
      </c>
      <c r="O191" s="52"/>
      <c r="P191" s="52"/>
      <c r="Q191" s="52"/>
      <c r="R191" s="49" t="s">
        <v>1764</v>
      </c>
      <c r="S191" s="49" t="s">
        <v>1826</v>
      </c>
    </row>
    <row r="192" spans="1:19" s="54" customFormat="1" ht="46.5" customHeight="1" x14ac:dyDescent="0.15">
      <c r="A192" s="47" t="s">
        <v>1460</v>
      </c>
      <c r="B192" s="48" t="str">
        <f>IFERROR(VLOOKUP($A192,削除禁止!$A$1:$J$42,2,0),"")</f>
        <v>通所系</v>
      </c>
      <c r="C192" s="10">
        <v>1610102160</v>
      </c>
      <c r="D192" s="10"/>
      <c r="E192" s="10" t="s">
        <v>651</v>
      </c>
      <c r="F192" s="51" t="s">
        <v>808</v>
      </c>
      <c r="G192" s="10">
        <v>25</v>
      </c>
      <c r="H192" s="10" t="s">
        <v>506</v>
      </c>
      <c r="I192" s="16" t="s">
        <v>540</v>
      </c>
      <c r="J192" s="10" t="s">
        <v>508</v>
      </c>
      <c r="K192" s="10" t="s">
        <v>314</v>
      </c>
      <c r="L192" s="16" t="s">
        <v>22</v>
      </c>
      <c r="M192" s="26">
        <v>43191</v>
      </c>
      <c r="N192" s="26">
        <v>47573</v>
      </c>
      <c r="O192" s="52"/>
      <c r="P192" s="52"/>
      <c r="Q192" s="52"/>
      <c r="R192" s="49" t="s">
        <v>1764</v>
      </c>
      <c r="S192" s="49" t="s">
        <v>1760</v>
      </c>
    </row>
    <row r="193" spans="1:19" s="54" customFormat="1" ht="46.5" customHeight="1" x14ac:dyDescent="0.15">
      <c r="A193" s="47" t="s">
        <v>1460</v>
      </c>
      <c r="B193" s="48" t="str">
        <f>IFERROR(VLOOKUP($A193,削除禁止!$A$1:$J$42,2,0),"")</f>
        <v>通所系</v>
      </c>
      <c r="C193" s="10">
        <v>1610102186</v>
      </c>
      <c r="D193" s="10"/>
      <c r="E193" s="10" t="s">
        <v>651</v>
      </c>
      <c r="F193" s="51" t="s">
        <v>965</v>
      </c>
      <c r="G193" s="10">
        <v>18</v>
      </c>
      <c r="H193" s="10" t="s">
        <v>29</v>
      </c>
      <c r="I193" s="16" t="s">
        <v>1347</v>
      </c>
      <c r="J193" s="10" t="s">
        <v>693</v>
      </c>
      <c r="K193" s="10" t="s">
        <v>823</v>
      </c>
      <c r="L193" s="16" t="s">
        <v>966</v>
      </c>
      <c r="M193" s="26">
        <v>43191</v>
      </c>
      <c r="N193" s="26">
        <v>47573</v>
      </c>
      <c r="O193" s="52"/>
      <c r="P193" s="52"/>
      <c r="Q193" s="52"/>
      <c r="R193" s="49" t="s">
        <v>1764</v>
      </c>
      <c r="S193" s="49" t="s">
        <v>1822</v>
      </c>
    </row>
    <row r="194" spans="1:19" s="54" customFormat="1" ht="46.5" customHeight="1" x14ac:dyDescent="0.15">
      <c r="A194" s="47" t="s">
        <v>1460</v>
      </c>
      <c r="B194" s="48" t="str">
        <f>IFERROR(VLOOKUP($A194,削除禁止!$A$1:$J$42,2,0),"")</f>
        <v>通所系</v>
      </c>
      <c r="C194" s="10">
        <v>1610102145</v>
      </c>
      <c r="D194" s="10"/>
      <c r="E194" s="10" t="s">
        <v>651</v>
      </c>
      <c r="F194" s="51" t="s">
        <v>974</v>
      </c>
      <c r="G194" s="10">
        <v>18</v>
      </c>
      <c r="H194" s="10" t="s">
        <v>95</v>
      </c>
      <c r="I194" s="16" t="s">
        <v>874</v>
      </c>
      <c r="J194" s="10" t="s">
        <v>181</v>
      </c>
      <c r="K194" s="10" t="s">
        <v>199</v>
      </c>
      <c r="L194" s="16" t="s">
        <v>829</v>
      </c>
      <c r="M194" s="26">
        <v>43191</v>
      </c>
      <c r="N194" s="26">
        <v>47573</v>
      </c>
      <c r="O194" s="52"/>
      <c r="P194" s="52"/>
      <c r="Q194" s="52"/>
      <c r="R194" s="49" t="s">
        <v>1764</v>
      </c>
      <c r="S194" s="49" t="s">
        <v>192</v>
      </c>
    </row>
    <row r="195" spans="1:19" s="54" customFormat="1" ht="46.5" customHeight="1" x14ac:dyDescent="0.15">
      <c r="A195" s="47" t="s">
        <v>1460</v>
      </c>
      <c r="B195" s="48" t="str">
        <f>IFERROR(VLOOKUP($A195,削除禁止!$A$1:$J$42,2,0),"")</f>
        <v>通所系</v>
      </c>
      <c r="C195" s="10">
        <v>1610102376</v>
      </c>
      <c r="D195" s="10" t="s">
        <v>651</v>
      </c>
      <c r="E195" s="10"/>
      <c r="F195" s="16" t="s">
        <v>1176</v>
      </c>
      <c r="G195" s="10">
        <v>10</v>
      </c>
      <c r="H195" s="10" t="s">
        <v>479</v>
      </c>
      <c r="I195" s="16" t="s">
        <v>1329</v>
      </c>
      <c r="J195" s="10" t="s">
        <v>486</v>
      </c>
      <c r="K195" s="10" t="s">
        <v>455</v>
      </c>
      <c r="L195" s="16" t="s">
        <v>389</v>
      </c>
      <c r="M195" s="26">
        <v>43556</v>
      </c>
      <c r="N195" s="26">
        <v>45747</v>
      </c>
      <c r="O195" s="52"/>
      <c r="P195" s="52"/>
      <c r="Q195" s="52"/>
      <c r="R195" s="49" t="s">
        <v>1764</v>
      </c>
      <c r="S195" s="49" t="s">
        <v>192</v>
      </c>
    </row>
    <row r="196" spans="1:19" s="54" customFormat="1" ht="46.5" customHeight="1" x14ac:dyDescent="0.15">
      <c r="A196" s="47" t="s">
        <v>1460</v>
      </c>
      <c r="B196" s="48" t="str">
        <f>IFERROR(VLOOKUP($A196,削除禁止!$A$1:$J$42,2,0),"")</f>
        <v>通所系</v>
      </c>
      <c r="C196" s="10">
        <v>1610102442</v>
      </c>
      <c r="D196" s="10"/>
      <c r="E196" s="10" t="s">
        <v>651</v>
      </c>
      <c r="F196" s="51" t="s">
        <v>1207</v>
      </c>
      <c r="G196" s="10">
        <v>28</v>
      </c>
      <c r="H196" s="10" t="s">
        <v>881</v>
      </c>
      <c r="I196" s="16" t="s">
        <v>1678</v>
      </c>
      <c r="J196" s="10" t="s">
        <v>882</v>
      </c>
      <c r="K196" s="10" t="s">
        <v>882</v>
      </c>
      <c r="L196" s="16" t="s">
        <v>660</v>
      </c>
      <c r="M196" s="26">
        <v>43862</v>
      </c>
      <c r="N196" s="26">
        <v>46053</v>
      </c>
      <c r="O196" s="52"/>
      <c r="P196" s="52"/>
      <c r="Q196" s="52"/>
      <c r="R196" s="49" t="s">
        <v>1764</v>
      </c>
      <c r="S196" s="49" t="s">
        <v>1704</v>
      </c>
    </row>
    <row r="197" spans="1:19" s="54" customFormat="1" ht="46.5" customHeight="1" x14ac:dyDescent="0.15">
      <c r="A197" s="47" t="s">
        <v>1460</v>
      </c>
      <c r="B197" s="48" t="str">
        <f>IFERROR(VLOOKUP($A197,削除禁止!$A$1:$J$42,2,0),"")</f>
        <v>通所系</v>
      </c>
      <c r="C197" s="10">
        <v>1610102541</v>
      </c>
      <c r="D197" s="10"/>
      <c r="E197" s="10" t="s">
        <v>651</v>
      </c>
      <c r="F197" s="51" t="s">
        <v>994</v>
      </c>
      <c r="G197" s="10">
        <v>10</v>
      </c>
      <c r="H197" s="10" t="s">
        <v>673</v>
      </c>
      <c r="I197" s="16" t="s">
        <v>1679</v>
      </c>
      <c r="J197" s="10" t="s">
        <v>997</v>
      </c>
      <c r="K197" s="10" t="s">
        <v>997</v>
      </c>
      <c r="L197" s="16" t="s">
        <v>229</v>
      </c>
      <c r="M197" s="26">
        <v>43922</v>
      </c>
      <c r="N197" s="26">
        <v>46112</v>
      </c>
      <c r="O197" s="52"/>
      <c r="P197" s="52"/>
      <c r="Q197" s="52"/>
      <c r="R197" s="49" t="s">
        <v>1764</v>
      </c>
      <c r="S197" s="49" t="s">
        <v>1519</v>
      </c>
    </row>
    <row r="198" spans="1:19" s="54" customFormat="1" ht="46.5" customHeight="1" x14ac:dyDescent="0.15">
      <c r="A198" s="47" t="s">
        <v>1460</v>
      </c>
      <c r="B198" s="48" t="str">
        <f>IFERROR(VLOOKUP($A198,削除禁止!$A$1:$J$42,2,0),"")</f>
        <v>通所系</v>
      </c>
      <c r="C198" s="10">
        <v>1610102616</v>
      </c>
      <c r="D198" s="10" t="s">
        <v>651</v>
      </c>
      <c r="E198" s="10"/>
      <c r="F198" s="16" t="s">
        <v>1226</v>
      </c>
      <c r="G198" s="10">
        <v>6</v>
      </c>
      <c r="H198" s="10" t="s">
        <v>668</v>
      </c>
      <c r="I198" s="16" t="s">
        <v>1352</v>
      </c>
      <c r="J198" s="10" t="s">
        <v>529</v>
      </c>
      <c r="K198" s="10" t="s">
        <v>119</v>
      </c>
      <c r="L198" s="16" t="s">
        <v>1578</v>
      </c>
      <c r="M198" s="26">
        <v>44287</v>
      </c>
      <c r="N198" s="26">
        <v>46477</v>
      </c>
      <c r="O198" s="52"/>
      <c r="P198" s="52"/>
      <c r="Q198" s="52"/>
      <c r="R198" s="49" t="s">
        <v>1786</v>
      </c>
      <c r="S198" s="49" t="s">
        <v>1770</v>
      </c>
    </row>
    <row r="199" spans="1:19" s="54" customFormat="1" ht="46.5" customHeight="1" x14ac:dyDescent="0.15">
      <c r="A199" s="47" t="s">
        <v>1460</v>
      </c>
      <c r="B199" s="48" t="str">
        <f>IFERROR(VLOOKUP($A199,削除禁止!$A$1:$J$42,2,0),"")</f>
        <v>通所系</v>
      </c>
      <c r="C199" s="10">
        <v>1610102731</v>
      </c>
      <c r="D199" s="10"/>
      <c r="E199" s="10"/>
      <c r="F199" s="16" t="s">
        <v>1730</v>
      </c>
      <c r="G199" s="10">
        <v>20</v>
      </c>
      <c r="H199" s="10" t="s">
        <v>1474</v>
      </c>
      <c r="I199" s="16" t="s">
        <v>1587</v>
      </c>
      <c r="J199" s="10" t="s">
        <v>1475</v>
      </c>
      <c r="K199" s="10" t="s">
        <v>1476</v>
      </c>
      <c r="L199" s="16" t="s">
        <v>1047</v>
      </c>
      <c r="M199" s="26">
        <v>44562</v>
      </c>
      <c r="N199" s="26">
        <v>46752</v>
      </c>
      <c r="O199" s="52"/>
      <c r="P199" s="52"/>
      <c r="Q199" s="52"/>
      <c r="R199" s="49" t="s">
        <v>1764</v>
      </c>
      <c r="S199" s="49" t="s">
        <v>1772</v>
      </c>
    </row>
    <row r="200" spans="1:19" s="54" customFormat="1" ht="46.5" customHeight="1" x14ac:dyDescent="0.15">
      <c r="A200" s="47" t="s">
        <v>1460</v>
      </c>
      <c r="B200" s="48" t="str">
        <f>IFERROR(VLOOKUP($A200,削除禁止!$A$1:$J$42,2,0),"")</f>
        <v>通所系</v>
      </c>
      <c r="C200" s="10">
        <v>1610102723</v>
      </c>
      <c r="D200" s="10" t="s">
        <v>651</v>
      </c>
      <c r="E200" s="10"/>
      <c r="F200" s="16" t="s">
        <v>1728</v>
      </c>
      <c r="G200" s="10">
        <v>6</v>
      </c>
      <c r="H200" s="10" t="s">
        <v>104</v>
      </c>
      <c r="I200" s="16" t="s">
        <v>634</v>
      </c>
      <c r="J200" s="10" t="s">
        <v>815</v>
      </c>
      <c r="K200" s="10" t="s">
        <v>1473</v>
      </c>
      <c r="L200" s="16" t="s">
        <v>1638</v>
      </c>
      <c r="M200" s="26">
        <v>44805</v>
      </c>
      <c r="N200" s="26">
        <v>46996</v>
      </c>
      <c r="O200" s="52"/>
      <c r="P200" s="52"/>
      <c r="Q200" s="52"/>
      <c r="R200" s="49" t="s">
        <v>1764</v>
      </c>
      <c r="S200" s="49" t="s">
        <v>1368</v>
      </c>
    </row>
    <row r="201" spans="1:19" s="54" customFormat="1" ht="46.5" customHeight="1" x14ac:dyDescent="0.15">
      <c r="A201" s="47" t="s">
        <v>1460</v>
      </c>
      <c r="B201" s="48" t="str">
        <f>IFERROR(VLOOKUP($A201,削除禁止!$A$1:$J$42,2,0),"")</f>
        <v>通所系</v>
      </c>
      <c r="C201" s="10">
        <v>1610102954</v>
      </c>
      <c r="D201" s="10"/>
      <c r="E201" s="10" t="s">
        <v>651</v>
      </c>
      <c r="F201" s="16" t="s">
        <v>306</v>
      </c>
      <c r="G201" s="10">
        <v>15</v>
      </c>
      <c r="H201" s="10" t="s">
        <v>1435</v>
      </c>
      <c r="I201" s="16" t="s">
        <v>1856</v>
      </c>
      <c r="J201" s="10" t="s">
        <v>1857</v>
      </c>
      <c r="K201" s="10" t="s">
        <v>1601</v>
      </c>
      <c r="L201" s="16" t="s">
        <v>1268</v>
      </c>
      <c r="M201" s="26">
        <v>45047</v>
      </c>
      <c r="N201" s="26">
        <v>47238</v>
      </c>
      <c r="O201" s="52"/>
      <c r="P201" s="52"/>
      <c r="Q201" s="52"/>
      <c r="R201" s="49" t="s">
        <v>1008</v>
      </c>
      <c r="S201" s="49" t="s">
        <v>1835</v>
      </c>
    </row>
    <row r="202" spans="1:19" s="54" customFormat="1" ht="46.5" customHeight="1" x14ac:dyDescent="0.15">
      <c r="A202" s="47" t="s">
        <v>1460</v>
      </c>
      <c r="B202" s="48" t="str">
        <f>IFERROR(VLOOKUP($A202,削除禁止!$A$1:$J$42,2,0),"")</f>
        <v>通所系</v>
      </c>
      <c r="C202" s="11">
        <v>1610102012</v>
      </c>
      <c r="D202" s="12"/>
      <c r="E202" s="10" t="s">
        <v>651</v>
      </c>
      <c r="F202" s="51" t="s">
        <v>956</v>
      </c>
      <c r="G202" s="10">
        <v>11</v>
      </c>
      <c r="H202" s="10" t="s">
        <v>688</v>
      </c>
      <c r="I202" s="16" t="s">
        <v>1346</v>
      </c>
      <c r="J202" s="10" t="s">
        <v>809</v>
      </c>
      <c r="K202" s="10" t="s">
        <v>809</v>
      </c>
      <c r="L202" s="16" t="s">
        <v>960</v>
      </c>
      <c r="M202" s="56">
        <v>45078</v>
      </c>
      <c r="N202" s="56">
        <v>47269</v>
      </c>
      <c r="O202" s="52"/>
      <c r="P202" s="52"/>
      <c r="Q202" s="52"/>
      <c r="R202" s="49" t="s">
        <v>1764</v>
      </c>
      <c r="S202" s="49" t="s">
        <v>597</v>
      </c>
    </row>
    <row r="203" spans="1:19" s="54" customFormat="1" ht="46.5" customHeight="1" x14ac:dyDescent="0.15">
      <c r="A203" s="47" t="s">
        <v>1342</v>
      </c>
      <c r="B203" s="48" t="str">
        <f>IFERROR(VLOOKUP($A203,削除禁止!$A$1:$J$42,2,0),"")</f>
        <v>通所系</v>
      </c>
      <c r="C203" s="11">
        <v>1610102657</v>
      </c>
      <c r="D203" s="11" t="s">
        <v>651</v>
      </c>
      <c r="E203" s="12"/>
      <c r="F203" s="55" t="s">
        <v>1430</v>
      </c>
      <c r="G203" s="11">
        <v>6</v>
      </c>
      <c r="H203" s="10" t="s">
        <v>1927</v>
      </c>
      <c r="I203" s="55" t="s">
        <v>1921</v>
      </c>
      <c r="J203" s="11" t="s">
        <v>1919</v>
      </c>
      <c r="K203" s="10" t="s">
        <v>1920</v>
      </c>
      <c r="L203" s="16" t="s">
        <v>741</v>
      </c>
      <c r="M203" s="26">
        <v>45261</v>
      </c>
      <c r="N203" s="26">
        <v>47452</v>
      </c>
      <c r="O203" s="52"/>
      <c r="P203" s="52"/>
      <c r="Q203" s="52"/>
      <c r="R203" s="49" t="s">
        <v>1764</v>
      </c>
      <c r="S203" s="57" t="s">
        <v>562</v>
      </c>
    </row>
    <row r="204" spans="1:19" s="54" customFormat="1" ht="46.5" customHeight="1" x14ac:dyDescent="0.15">
      <c r="A204" s="47" t="s">
        <v>396</v>
      </c>
      <c r="B204" s="48" t="str">
        <f>IFERROR(VLOOKUP($A204,削除禁止!$A$1:$J$42,2,0),"")</f>
        <v>通所系</v>
      </c>
      <c r="C204" s="10">
        <v>1610100719</v>
      </c>
      <c r="D204" s="11" t="s">
        <v>651</v>
      </c>
      <c r="E204" s="11"/>
      <c r="F204" s="16" t="s">
        <v>2002</v>
      </c>
      <c r="G204" s="22">
        <v>6</v>
      </c>
      <c r="H204" s="10" t="s">
        <v>1541</v>
      </c>
      <c r="I204" s="16" t="s">
        <v>1330</v>
      </c>
      <c r="J204" s="10" t="s">
        <v>267</v>
      </c>
      <c r="K204" s="10" t="s">
        <v>276</v>
      </c>
      <c r="L204" s="16" t="s">
        <v>279</v>
      </c>
      <c r="M204" s="26">
        <v>39173</v>
      </c>
      <c r="N204" s="26">
        <v>45747</v>
      </c>
      <c r="O204" s="52"/>
      <c r="P204" s="52"/>
      <c r="Q204" s="52"/>
      <c r="R204" s="49" t="s">
        <v>1808</v>
      </c>
      <c r="S204" s="49" t="s">
        <v>1767</v>
      </c>
    </row>
    <row r="205" spans="1:19" s="54" customFormat="1" ht="46.5" customHeight="1" x14ac:dyDescent="0.15">
      <c r="A205" s="47" t="s">
        <v>396</v>
      </c>
      <c r="B205" s="48" t="str">
        <f>IFERROR(VLOOKUP($A205,削除禁止!$A$1:$J$42,2,0),"")</f>
        <v>通所系</v>
      </c>
      <c r="C205" s="10">
        <v>1610100198</v>
      </c>
      <c r="D205" s="11" t="s">
        <v>651</v>
      </c>
      <c r="E205" s="11"/>
      <c r="F205" s="16" t="s">
        <v>1212</v>
      </c>
      <c r="G205" s="10">
        <v>15</v>
      </c>
      <c r="H205" s="10" t="s">
        <v>409</v>
      </c>
      <c r="I205" s="16" t="s">
        <v>67</v>
      </c>
      <c r="J205" s="10" t="s">
        <v>441</v>
      </c>
      <c r="K205" s="10" t="s">
        <v>442</v>
      </c>
      <c r="L205" s="16" t="s">
        <v>407</v>
      </c>
      <c r="M205" s="26">
        <v>39173</v>
      </c>
      <c r="N205" s="26">
        <v>45747</v>
      </c>
      <c r="O205" s="52"/>
      <c r="P205" s="52"/>
      <c r="Q205" s="52"/>
      <c r="R205" s="49" t="s">
        <v>1764</v>
      </c>
      <c r="S205" s="49" t="s">
        <v>1704</v>
      </c>
    </row>
    <row r="206" spans="1:19" s="54" customFormat="1" ht="46.5" customHeight="1" x14ac:dyDescent="0.15">
      <c r="A206" s="47" t="s">
        <v>396</v>
      </c>
      <c r="B206" s="48" t="str">
        <f>IFERROR(VLOOKUP($A206,削除禁止!$A$1:$J$42,2,0),"")</f>
        <v>通所系</v>
      </c>
      <c r="C206" s="10">
        <v>1610100560</v>
      </c>
      <c r="D206" s="11" t="s">
        <v>651</v>
      </c>
      <c r="E206" s="11"/>
      <c r="F206" s="16" t="s">
        <v>430</v>
      </c>
      <c r="G206" s="10">
        <v>6</v>
      </c>
      <c r="H206" s="10" t="s">
        <v>53</v>
      </c>
      <c r="I206" s="16" t="s">
        <v>1353</v>
      </c>
      <c r="J206" s="10" t="s">
        <v>436</v>
      </c>
      <c r="K206" s="10" t="s">
        <v>437</v>
      </c>
      <c r="L206" s="16" t="s">
        <v>407</v>
      </c>
      <c r="M206" s="26">
        <v>40634</v>
      </c>
      <c r="N206" s="26">
        <v>47208</v>
      </c>
      <c r="O206" s="52"/>
      <c r="P206" s="52"/>
      <c r="Q206" s="52"/>
      <c r="R206" s="49" t="s">
        <v>1764</v>
      </c>
      <c r="S206" s="49" t="s">
        <v>1704</v>
      </c>
    </row>
    <row r="207" spans="1:19" s="54" customFormat="1" ht="46.5" customHeight="1" x14ac:dyDescent="0.15">
      <c r="A207" s="47" t="s">
        <v>396</v>
      </c>
      <c r="B207" s="48" t="str">
        <f>IFERROR(VLOOKUP($A207,削除禁止!$A$1:$J$42,2,0),"")</f>
        <v>通所系</v>
      </c>
      <c r="C207" s="10">
        <v>1610101204</v>
      </c>
      <c r="D207" s="11" t="s">
        <v>651</v>
      </c>
      <c r="E207" s="11"/>
      <c r="F207" s="16" t="s">
        <v>20</v>
      </c>
      <c r="G207" s="22">
        <v>8</v>
      </c>
      <c r="H207" s="10" t="s">
        <v>217</v>
      </c>
      <c r="I207" s="16" t="s">
        <v>1749</v>
      </c>
      <c r="J207" s="10" t="s">
        <v>666</v>
      </c>
      <c r="K207" s="10" t="s">
        <v>1222</v>
      </c>
      <c r="L207" s="16" t="s">
        <v>804</v>
      </c>
      <c r="M207" s="26">
        <v>41000</v>
      </c>
      <c r="N207" s="26">
        <v>47573</v>
      </c>
      <c r="O207" s="52"/>
      <c r="P207" s="52"/>
      <c r="Q207" s="52"/>
      <c r="R207" s="49" t="s">
        <v>1764</v>
      </c>
      <c r="S207" s="49" t="s">
        <v>1794</v>
      </c>
    </row>
    <row r="208" spans="1:19" s="54" customFormat="1" ht="46.5" customHeight="1" x14ac:dyDescent="0.15">
      <c r="A208" s="47" t="s">
        <v>396</v>
      </c>
      <c r="B208" s="48" t="str">
        <f>IFERROR(VLOOKUP($A208,削除禁止!$A$1:$J$42,2,0),"")</f>
        <v>通所系</v>
      </c>
      <c r="C208" s="10">
        <v>1610101717</v>
      </c>
      <c r="D208" s="10"/>
      <c r="E208" s="10"/>
      <c r="F208" s="51" t="s">
        <v>850</v>
      </c>
      <c r="G208" s="10">
        <v>20</v>
      </c>
      <c r="H208" s="10" t="s">
        <v>760</v>
      </c>
      <c r="I208" s="16" t="s">
        <v>1354</v>
      </c>
      <c r="J208" s="10" t="s">
        <v>759</v>
      </c>
      <c r="K208" s="10" t="s">
        <v>220</v>
      </c>
      <c r="L208" s="16" t="s">
        <v>1127</v>
      </c>
      <c r="M208" s="26">
        <v>42125</v>
      </c>
      <c r="N208" s="26">
        <v>46507</v>
      </c>
      <c r="O208" s="52"/>
      <c r="P208" s="52"/>
      <c r="Q208" s="52"/>
      <c r="R208" s="49" t="s">
        <v>1764</v>
      </c>
      <c r="S208" s="49" t="s">
        <v>1812</v>
      </c>
    </row>
    <row r="209" spans="1:19" s="54" customFormat="1" ht="46.5" customHeight="1" x14ac:dyDescent="0.15">
      <c r="A209" s="47" t="s">
        <v>396</v>
      </c>
      <c r="B209" s="48" t="str">
        <f>IFERROR(VLOOKUP($A209,削除禁止!$A$1:$J$42,2,0),"")</f>
        <v>通所系</v>
      </c>
      <c r="C209" s="10">
        <v>1610101808</v>
      </c>
      <c r="D209" s="10"/>
      <c r="E209" s="10"/>
      <c r="F209" s="16" t="s">
        <v>356</v>
      </c>
      <c r="G209" s="10">
        <v>20</v>
      </c>
      <c r="H209" s="10" t="s">
        <v>780</v>
      </c>
      <c r="I209" s="16" t="s">
        <v>1324</v>
      </c>
      <c r="J209" s="10" t="s">
        <v>846</v>
      </c>
      <c r="K209" s="10" t="s">
        <v>700</v>
      </c>
      <c r="L209" s="16" t="s">
        <v>1614</v>
      </c>
      <c r="M209" s="26">
        <v>42461</v>
      </c>
      <c r="N209" s="26">
        <v>46843</v>
      </c>
      <c r="O209" s="52"/>
      <c r="P209" s="52"/>
      <c r="Q209" s="52"/>
      <c r="R209" s="49" t="s">
        <v>1764</v>
      </c>
      <c r="S209" s="49" t="s">
        <v>1624</v>
      </c>
    </row>
    <row r="210" spans="1:19" s="54" customFormat="1" ht="46.5" customHeight="1" x14ac:dyDescent="0.15">
      <c r="A210" s="47" t="s">
        <v>396</v>
      </c>
      <c r="B210" s="48" t="str">
        <f>IFERROR(VLOOKUP($A210,削除禁止!$A$1:$J$42,2,0),"")</f>
        <v>通所系</v>
      </c>
      <c r="C210" s="10">
        <v>1610101907</v>
      </c>
      <c r="D210" s="10"/>
      <c r="E210" s="10"/>
      <c r="F210" s="16" t="s">
        <v>537</v>
      </c>
      <c r="G210" s="10">
        <v>20</v>
      </c>
      <c r="H210" s="10" t="s">
        <v>780</v>
      </c>
      <c r="I210" s="16" t="s">
        <v>190</v>
      </c>
      <c r="J210" s="10" t="s">
        <v>60</v>
      </c>
      <c r="K210" s="10" t="s">
        <v>156</v>
      </c>
      <c r="L210" s="16" t="s">
        <v>1614</v>
      </c>
      <c r="M210" s="26">
        <v>42826</v>
      </c>
      <c r="N210" s="26">
        <v>47208</v>
      </c>
      <c r="O210" s="52"/>
      <c r="P210" s="52"/>
      <c r="Q210" s="52"/>
      <c r="R210" s="49" t="s">
        <v>1764</v>
      </c>
      <c r="S210" s="49" t="s">
        <v>1624</v>
      </c>
    </row>
    <row r="211" spans="1:19" s="54" customFormat="1" ht="46.5" customHeight="1" x14ac:dyDescent="0.15">
      <c r="A211" s="47" t="s">
        <v>396</v>
      </c>
      <c r="B211" s="48" t="str">
        <f>IFERROR(VLOOKUP($A211,削除禁止!$A$1:$J$42,2,0),"")</f>
        <v>通所系</v>
      </c>
      <c r="C211" s="10">
        <v>1610101998</v>
      </c>
      <c r="D211" s="10" t="s">
        <v>651</v>
      </c>
      <c r="E211" s="10"/>
      <c r="F211" s="51" t="s">
        <v>549</v>
      </c>
      <c r="G211" s="22">
        <v>6</v>
      </c>
      <c r="H211" s="10" t="s">
        <v>837</v>
      </c>
      <c r="I211" s="16" t="s">
        <v>1356</v>
      </c>
      <c r="J211" s="10" t="s">
        <v>320</v>
      </c>
      <c r="K211" s="10" t="s">
        <v>854</v>
      </c>
      <c r="L211" s="16" t="s">
        <v>1056</v>
      </c>
      <c r="M211" s="26">
        <v>43209</v>
      </c>
      <c r="N211" s="26">
        <v>45400</v>
      </c>
      <c r="O211" s="52"/>
      <c r="P211" s="52"/>
      <c r="Q211" s="52"/>
      <c r="R211" s="49" t="s">
        <v>1764</v>
      </c>
      <c r="S211" s="49" t="s">
        <v>1820</v>
      </c>
    </row>
    <row r="212" spans="1:19" s="54" customFormat="1" ht="46.5" customHeight="1" x14ac:dyDescent="0.15">
      <c r="A212" s="47" t="s">
        <v>396</v>
      </c>
      <c r="B212" s="48" t="str">
        <f>IFERROR(VLOOKUP($A212,削除禁止!$A$1:$J$42,2,0),"")</f>
        <v>通所系</v>
      </c>
      <c r="C212" s="10">
        <v>1610102319</v>
      </c>
      <c r="D212" s="10" t="s">
        <v>651</v>
      </c>
      <c r="E212" s="10"/>
      <c r="F212" s="51" t="s">
        <v>1172</v>
      </c>
      <c r="G212" s="10">
        <v>6</v>
      </c>
      <c r="H212" s="10" t="s">
        <v>488</v>
      </c>
      <c r="I212" s="16" t="s">
        <v>1357</v>
      </c>
      <c r="J212" s="10" t="s">
        <v>383</v>
      </c>
      <c r="K212" s="10" t="s">
        <v>102</v>
      </c>
      <c r="L212" s="16" t="s">
        <v>1111</v>
      </c>
      <c r="M212" s="26">
        <v>43344</v>
      </c>
      <c r="N212" s="26">
        <v>45535</v>
      </c>
      <c r="O212" s="52"/>
      <c r="P212" s="52"/>
      <c r="Q212" s="52"/>
      <c r="R212" s="49" t="s">
        <v>1764</v>
      </c>
      <c r="S212" s="49" t="s">
        <v>1819</v>
      </c>
    </row>
    <row r="213" spans="1:19" s="54" customFormat="1" ht="46.5" customHeight="1" x14ac:dyDescent="0.15">
      <c r="A213" s="47" t="s">
        <v>396</v>
      </c>
      <c r="B213" s="48" t="str">
        <f>IFERROR(VLOOKUP($A213,削除禁止!$A$1:$J$42,2,0),"")</f>
        <v>通所系</v>
      </c>
      <c r="C213" s="12">
        <v>1610102657</v>
      </c>
      <c r="D213" s="11" t="s">
        <v>651</v>
      </c>
      <c r="E213" s="10"/>
      <c r="F213" s="51" t="s">
        <v>1430</v>
      </c>
      <c r="G213" s="10">
        <v>14</v>
      </c>
      <c r="H213" s="10" t="s">
        <v>1926</v>
      </c>
      <c r="I213" s="16" t="s">
        <v>1921</v>
      </c>
      <c r="J213" s="10" t="s">
        <v>1081</v>
      </c>
      <c r="K213" s="10" t="s">
        <v>1082</v>
      </c>
      <c r="L213" s="16" t="s">
        <v>741</v>
      </c>
      <c r="M213" s="26">
        <v>44378</v>
      </c>
      <c r="N213" s="26">
        <v>46568</v>
      </c>
      <c r="O213" s="52"/>
      <c r="P213" s="52"/>
      <c r="Q213" s="52"/>
      <c r="R213" s="49" t="s">
        <v>1764</v>
      </c>
      <c r="S213" s="49" t="s">
        <v>562</v>
      </c>
    </row>
    <row r="214" spans="1:19" s="54" customFormat="1" ht="46.5" customHeight="1" x14ac:dyDescent="0.15">
      <c r="A214" s="47" t="s">
        <v>396</v>
      </c>
      <c r="B214" s="48" t="str">
        <f>IFERROR(VLOOKUP($A214,削除禁止!$A$1:$J$42,2,0),"")</f>
        <v>通所系</v>
      </c>
      <c r="C214" s="11">
        <v>1610102756</v>
      </c>
      <c r="D214" s="12"/>
      <c r="E214" s="12"/>
      <c r="F214" s="55" t="s">
        <v>1616</v>
      </c>
      <c r="G214" s="11">
        <v>20</v>
      </c>
      <c r="H214" s="11" t="s">
        <v>326</v>
      </c>
      <c r="I214" s="55" t="s">
        <v>1630</v>
      </c>
      <c r="J214" s="11" t="s">
        <v>1478</v>
      </c>
      <c r="K214" s="10" t="s">
        <v>146</v>
      </c>
      <c r="L214" s="51" t="s">
        <v>1644</v>
      </c>
      <c r="M214" s="56">
        <v>44652</v>
      </c>
      <c r="N214" s="56">
        <v>46843</v>
      </c>
      <c r="O214" s="52"/>
      <c r="P214" s="52"/>
      <c r="Q214" s="52"/>
      <c r="R214" s="49" t="s">
        <v>1764</v>
      </c>
      <c r="S214" s="49" t="s">
        <v>1742</v>
      </c>
    </row>
    <row r="215" spans="1:19" s="54" customFormat="1" ht="46.5" customHeight="1" x14ac:dyDescent="0.15">
      <c r="A215" s="47" t="s">
        <v>396</v>
      </c>
      <c r="B215" s="48" t="str">
        <f>IFERROR(VLOOKUP($A215,削除禁止!$A$1:$J$42,2,0),"")</f>
        <v>通所系</v>
      </c>
      <c r="C215" s="11">
        <v>1610102830</v>
      </c>
      <c r="D215" s="12"/>
      <c r="E215" s="12"/>
      <c r="F215" s="55" t="s">
        <v>1070</v>
      </c>
      <c r="G215" s="10">
        <v>20</v>
      </c>
      <c r="H215" s="11" t="s">
        <v>1568</v>
      </c>
      <c r="I215" s="55" t="s">
        <v>1383</v>
      </c>
      <c r="J215" s="11" t="s">
        <v>1582</v>
      </c>
      <c r="K215" s="10" t="s">
        <v>1011</v>
      </c>
      <c r="L215" s="51" t="s">
        <v>1862</v>
      </c>
      <c r="M215" s="56">
        <v>44835</v>
      </c>
      <c r="N215" s="56">
        <v>47026</v>
      </c>
      <c r="O215" s="52"/>
      <c r="P215" s="52"/>
      <c r="Q215" s="52"/>
      <c r="R215" s="49" t="s">
        <v>1764</v>
      </c>
      <c r="S215" s="49" t="s">
        <v>1742</v>
      </c>
    </row>
    <row r="216" spans="1:19" s="54" customFormat="1" ht="46.5" customHeight="1" x14ac:dyDescent="0.15">
      <c r="A216" s="47" t="s">
        <v>1461</v>
      </c>
      <c r="B216" s="48" t="str">
        <f>IFERROR(VLOOKUP($A216,削除禁止!$A$1:$J$42,2,0),"")</f>
        <v>通所系</v>
      </c>
      <c r="C216" s="10">
        <v>1610100586</v>
      </c>
      <c r="D216" s="10" t="s">
        <v>651</v>
      </c>
      <c r="E216" s="10"/>
      <c r="F216" s="16" t="s">
        <v>953</v>
      </c>
      <c r="G216" s="10">
        <v>10</v>
      </c>
      <c r="H216" s="10" t="s">
        <v>330</v>
      </c>
      <c r="I216" s="16" t="s">
        <v>355</v>
      </c>
      <c r="J216" s="10" t="s">
        <v>559</v>
      </c>
      <c r="K216" s="10" t="s">
        <v>559</v>
      </c>
      <c r="L216" s="16" t="s">
        <v>554</v>
      </c>
      <c r="M216" s="26">
        <v>39783</v>
      </c>
      <c r="N216" s="26">
        <v>46356</v>
      </c>
      <c r="O216" s="52"/>
      <c r="P216" s="52"/>
      <c r="Q216" s="52"/>
      <c r="R216" s="49" t="s">
        <v>1809</v>
      </c>
      <c r="S216" s="49" t="s">
        <v>1485</v>
      </c>
    </row>
    <row r="217" spans="1:19" s="54" customFormat="1" ht="46.5" customHeight="1" x14ac:dyDescent="0.15">
      <c r="A217" s="47" t="s">
        <v>1461</v>
      </c>
      <c r="B217" s="48" t="str">
        <f>IFERROR(VLOOKUP($A217,削除禁止!$A$1:$J$42,2,0),"")</f>
        <v>通所系</v>
      </c>
      <c r="C217" s="10">
        <v>1610101121</v>
      </c>
      <c r="D217" s="10"/>
      <c r="E217" s="10"/>
      <c r="F217" s="16" t="s">
        <v>184</v>
      </c>
      <c r="G217" s="10">
        <v>20</v>
      </c>
      <c r="H217" s="10" t="s">
        <v>258</v>
      </c>
      <c r="I217" s="16" t="s">
        <v>1750</v>
      </c>
      <c r="J217" s="10" t="s">
        <v>131</v>
      </c>
      <c r="K217" s="10" t="s">
        <v>1866</v>
      </c>
      <c r="L217" s="16" t="s">
        <v>1150</v>
      </c>
      <c r="M217" s="26">
        <v>40801</v>
      </c>
      <c r="N217" s="26">
        <v>47375</v>
      </c>
      <c r="O217" s="52"/>
      <c r="P217" s="52"/>
      <c r="Q217" s="52"/>
      <c r="R217" s="49" t="s">
        <v>1764</v>
      </c>
      <c r="S217" s="49" t="s">
        <v>1816</v>
      </c>
    </row>
    <row r="218" spans="1:19" s="54" customFormat="1" ht="46.5" customHeight="1" x14ac:dyDescent="0.15">
      <c r="A218" s="47" t="s">
        <v>1461</v>
      </c>
      <c r="B218" s="48" t="str">
        <f>IFERROR(VLOOKUP($A218,削除禁止!$A$1:$J$42,2,0),"")</f>
        <v>通所系</v>
      </c>
      <c r="C218" s="10">
        <v>1610101196</v>
      </c>
      <c r="D218" s="10" t="s">
        <v>651</v>
      </c>
      <c r="E218" s="10"/>
      <c r="F218" s="16" t="s">
        <v>457</v>
      </c>
      <c r="G218" s="10">
        <v>10</v>
      </c>
      <c r="H218" s="10" t="s">
        <v>302</v>
      </c>
      <c r="I218" s="16" t="s">
        <v>11</v>
      </c>
      <c r="J218" s="10" t="s">
        <v>876</v>
      </c>
      <c r="K218" s="10" t="s">
        <v>305</v>
      </c>
      <c r="L218" s="16" t="s">
        <v>453</v>
      </c>
      <c r="M218" s="26">
        <v>41000</v>
      </c>
      <c r="N218" s="26">
        <v>47573</v>
      </c>
      <c r="O218" s="52"/>
      <c r="P218" s="52"/>
      <c r="Q218" s="52"/>
      <c r="R218" s="49" t="s">
        <v>1808</v>
      </c>
      <c r="S218" s="49" t="s">
        <v>1832</v>
      </c>
    </row>
    <row r="219" spans="1:19" s="54" customFormat="1" ht="46.5" customHeight="1" x14ac:dyDescent="0.15">
      <c r="A219" s="47" t="s">
        <v>1461</v>
      </c>
      <c r="B219" s="48" t="str">
        <f>IFERROR(VLOOKUP($A219,削除禁止!$A$1:$J$42,2,0),"")</f>
        <v>通所系</v>
      </c>
      <c r="C219" s="10">
        <v>1610101220</v>
      </c>
      <c r="D219" s="10"/>
      <c r="E219" s="10"/>
      <c r="F219" s="16" t="s">
        <v>590</v>
      </c>
      <c r="G219" s="10">
        <v>20</v>
      </c>
      <c r="H219" s="10" t="s">
        <v>488</v>
      </c>
      <c r="I219" s="16" t="s">
        <v>1357</v>
      </c>
      <c r="J219" s="10" t="s">
        <v>680</v>
      </c>
      <c r="K219" s="10" t="s">
        <v>685</v>
      </c>
      <c r="L219" s="16" t="s">
        <v>1111</v>
      </c>
      <c r="M219" s="26">
        <v>41152</v>
      </c>
      <c r="N219" s="26">
        <v>45535</v>
      </c>
      <c r="O219" s="52"/>
      <c r="P219" s="52"/>
      <c r="Q219" s="52"/>
      <c r="R219" s="49" t="s">
        <v>1764</v>
      </c>
      <c r="S219" s="49" t="s">
        <v>1819</v>
      </c>
    </row>
    <row r="220" spans="1:19" s="54" customFormat="1" ht="46.5" customHeight="1" x14ac:dyDescent="0.15">
      <c r="A220" s="47" t="s">
        <v>1461</v>
      </c>
      <c r="B220" s="48" t="str">
        <f>IFERROR(VLOOKUP($A220,削除禁止!$A$1:$J$42,2,0),"")</f>
        <v>通所系</v>
      </c>
      <c r="C220" s="10">
        <v>1610101261</v>
      </c>
      <c r="D220" s="10"/>
      <c r="E220" s="10"/>
      <c r="F220" s="16" t="s">
        <v>1174</v>
      </c>
      <c r="G220" s="10">
        <v>20</v>
      </c>
      <c r="H220" s="10" t="s">
        <v>688</v>
      </c>
      <c r="I220" s="16" t="s">
        <v>945</v>
      </c>
      <c r="J220" s="10" t="s">
        <v>689</v>
      </c>
      <c r="K220" s="10" t="s">
        <v>694</v>
      </c>
      <c r="L220" s="16" t="s">
        <v>916</v>
      </c>
      <c r="M220" s="26">
        <v>41201</v>
      </c>
      <c r="N220" s="26">
        <v>45583</v>
      </c>
      <c r="O220" s="52"/>
      <c r="P220" s="52"/>
      <c r="Q220" s="52"/>
      <c r="R220" s="49" t="s">
        <v>1764</v>
      </c>
      <c r="S220" s="49" t="s">
        <v>597</v>
      </c>
    </row>
    <row r="221" spans="1:19" s="54" customFormat="1" ht="46.5" customHeight="1" x14ac:dyDescent="0.15">
      <c r="A221" s="47" t="s">
        <v>1461</v>
      </c>
      <c r="B221" s="48" t="str">
        <f>IFERROR(VLOOKUP($A221,削除禁止!$A$1:$J$42,2,0),"")</f>
        <v>通所系</v>
      </c>
      <c r="C221" s="10">
        <v>1610101287</v>
      </c>
      <c r="D221" s="10"/>
      <c r="E221" s="10"/>
      <c r="F221" s="16" t="s">
        <v>375</v>
      </c>
      <c r="G221" s="10">
        <v>20</v>
      </c>
      <c r="H221" s="10" t="s">
        <v>574</v>
      </c>
      <c r="I221" s="16" t="s">
        <v>8</v>
      </c>
      <c r="J221" s="10" t="s">
        <v>696</v>
      </c>
      <c r="K221" s="10" t="s">
        <v>697</v>
      </c>
      <c r="L221" s="16" t="s">
        <v>424</v>
      </c>
      <c r="M221" s="26">
        <v>41263</v>
      </c>
      <c r="N221" s="26">
        <v>45645</v>
      </c>
      <c r="O221" s="52"/>
      <c r="P221" s="52"/>
      <c r="Q221" s="52"/>
      <c r="R221" s="49" t="s">
        <v>1764</v>
      </c>
      <c r="S221" s="49" t="s">
        <v>1817</v>
      </c>
    </row>
    <row r="222" spans="1:19" s="54" customFormat="1" ht="46.5" customHeight="1" x14ac:dyDescent="0.15">
      <c r="A222" s="47" t="s">
        <v>1461</v>
      </c>
      <c r="B222" s="48" t="str">
        <f>IFERROR(VLOOKUP($A222,削除禁止!$A$1:$J$42,2,0),"")</f>
        <v>通所系</v>
      </c>
      <c r="C222" s="10">
        <v>1610101295</v>
      </c>
      <c r="D222" s="10"/>
      <c r="E222" s="10"/>
      <c r="F222" s="16" t="s">
        <v>77</v>
      </c>
      <c r="G222" s="10">
        <v>20</v>
      </c>
      <c r="H222" s="10" t="s">
        <v>835</v>
      </c>
      <c r="I222" s="16" t="s">
        <v>1852</v>
      </c>
      <c r="J222" s="10" t="s">
        <v>699</v>
      </c>
      <c r="K222" s="10" t="s">
        <v>678</v>
      </c>
      <c r="L222" s="16" t="s">
        <v>916</v>
      </c>
      <c r="M222" s="26">
        <v>41333</v>
      </c>
      <c r="N222" s="26">
        <v>45716</v>
      </c>
      <c r="O222" s="52"/>
      <c r="P222" s="52"/>
      <c r="Q222" s="52"/>
      <c r="R222" s="49" t="s">
        <v>1840</v>
      </c>
      <c r="S222" s="49" t="s">
        <v>1840</v>
      </c>
    </row>
    <row r="223" spans="1:19" s="54" customFormat="1" ht="46.5" customHeight="1" x14ac:dyDescent="0.15">
      <c r="A223" s="47" t="s">
        <v>1461</v>
      </c>
      <c r="B223" s="48" t="str">
        <f>IFERROR(VLOOKUP($A223,削除禁止!$A$1:$J$42,2,0),"")</f>
        <v>通所系</v>
      </c>
      <c r="C223" s="10">
        <v>1610101329</v>
      </c>
      <c r="D223" s="10"/>
      <c r="E223" s="10"/>
      <c r="F223" s="16" t="s">
        <v>1193</v>
      </c>
      <c r="G223" s="10">
        <v>20</v>
      </c>
      <c r="H223" s="10" t="s">
        <v>253</v>
      </c>
      <c r="I223" s="16" t="s">
        <v>68</v>
      </c>
      <c r="J223" s="10" t="s">
        <v>202</v>
      </c>
      <c r="K223" s="10"/>
      <c r="L223" s="16" t="s">
        <v>1149</v>
      </c>
      <c r="M223" s="26">
        <v>41394</v>
      </c>
      <c r="N223" s="26">
        <v>45777</v>
      </c>
      <c r="O223" s="52"/>
      <c r="P223" s="52"/>
      <c r="Q223" s="52"/>
      <c r="R223" s="49" t="s">
        <v>1764</v>
      </c>
      <c r="S223" s="49" t="s">
        <v>1795</v>
      </c>
    </row>
    <row r="224" spans="1:19" s="54" customFormat="1" ht="46.5" customHeight="1" x14ac:dyDescent="0.15">
      <c r="A224" s="47" t="s">
        <v>1461</v>
      </c>
      <c r="B224" s="48" t="str">
        <f>IFERROR(VLOOKUP($A224,削除禁止!$A$1:$J$42,2,0),"")</f>
        <v>通所系</v>
      </c>
      <c r="C224" s="10">
        <v>1610101345</v>
      </c>
      <c r="D224" s="10"/>
      <c r="E224" s="10"/>
      <c r="F224" s="16" t="s">
        <v>1180</v>
      </c>
      <c r="G224" s="10">
        <v>20</v>
      </c>
      <c r="H224" s="10" t="s">
        <v>1929</v>
      </c>
      <c r="I224" s="16" t="s">
        <v>1918</v>
      </c>
      <c r="J224" s="10" t="s">
        <v>713</v>
      </c>
      <c r="K224" s="10" t="s">
        <v>553</v>
      </c>
      <c r="L224" s="16" t="s">
        <v>1136</v>
      </c>
      <c r="M224" s="26">
        <v>41425</v>
      </c>
      <c r="N224" s="26">
        <v>45808</v>
      </c>
      <c r="O224" s="52"/>
      <c r="P224" s="52"/>
      <c r="Q224" s="52"/>
      <c r="R224" s="49" t="s">
        <v>1764</v>
      </c>
      <c r="S224" s="49" t="s">
        <v>192</v>
      </c>
    </row>
    <row r="225" spans="1:19" s="54" customFormat="1" ht="46.5" customHeight="1" x14ac:dyDescent="0.15">
      <c r="A225" s="47" t="s">
        <v>1461</v>
      </c>
      <c r="B225" s="48" t="str">
        <f>IFERROR(VLOOKUP($A225,削除禁止!$A$1:$J$42,2,0),"")</f>
        <v>通所系</v>
      </c>
      <c r="C225" s="10">
        <v>1610101428</v>
      </c>
      <c r="D225" s="10"/>
      <c r="E225" s="10"/>
      <c r="F225" s="16" t="s">
        <v>985</v>
      </c>
      <c r="G225" s="10">
        <v>20</v>
      </c>
      <c r="H225" s="10" t="s">
        <v>488</v>
      </c>
      <c r="I225" s="16" t="s">
        <v>1359</v>
      </c>
      <c r="J225" s="10" t="s">
        <v>631</v>
      </c>
      <c r="K225" s="10" t="s">
        <v>732</v>
      </c>
      <c r="L225" s="16" t="s">
        <v>1111</v>
      </c>
      <c r="M225" s="26">
        <v>41730</v>
      </c>
      <c r="N225" s="26">
        <v>46112</v>
      </c>
      <c r="O225" s="52"/>
      <c r="P225" s="52"/>
      <c r="Q225" s="52"/>
      <c r="R225" s="49" t="s">
        <v>1764</v>
      </c>
      <c r="S225" s="49" t="s">
        <v>1819</v>
      </c>
    </row>
    <row r="226" spans="1:19" s="54" customFormat="1" ht="46.5" customHeight="1" x14ac:dyDescent="0.15">
      <c r="A226" s="47" t="s">
        <v>1461</v>
      </c>
      <c r="B226" s="48" t="str">
        <f>IFERROR(VLOOKUP($A226,削除禁止!$A$1:$J$42,2,0),"")</f>
        <v>通所系</v>
      </c>
      <c r="C226" s="10">
        <v>1610101394</v>
      </c>
      <c r="D226" s="10"/>
      <c r="E226" s="10"/>
      <c r="F226" s="16" t="s">
        <v>736</v>
      </c>
      <c r="G226" s="10">
        <v>20</v>
      </c>
      <c r="H226" s="10" t="s">
        <v>302</v>
      </c>
      <c r="I226" s="16" t="s">
        <v>1358</v>
      </c>
      <c r="J226" s="10" t="s">
        <v>876</v>
      </c>
      <c r="K226" s="10" t="s">
        <v>730</v>
      </c>
      <c r="L226" s="16" t="s">
        <v>453</v>
      </c>
      <c r="M226" s="26">
        <v>41730</v>
      </c>
      <c r="N226" s="26">
        <v>46112</v>
      </c>
      <c r="O226" s="52"/>
      <c r="P226" s="52"/>
      <c r="Q226" s="52"/>
      <c r="R226" s="49" t="s">
        <v>1808</v>
      </c>
      <c r="S226" s="49" t="s">
        <v>1832</v>
      </c>
    </row>
    <row r="227" spans="1:19" s="54" customFormat="1" ht="46.5" customHeight="1" x14ac:dyDescent="0.15">
      <c r="A227" s="47" t="s">
        <v>1461</v>
      </c>
      <c r="B227" s="48" t="str">
        <f>IFERROR(VLOOKUP($A227,削除禁止!$A$1:$J$42,2,0),"")</f>
        <v>通所系</v>
      </c>
      <c r="C227" s="10">
        <v>1610101444</v>
      </c>
      <c r="D227" s="10" t="s">
        <v>651</v>
      </c>
      <c r="E227" s="10"/>
      <c r="F227" s="16" t="s">
        <v>1206</v>
      </c>
      <c r="G227" s="10">
        <v>15</v>
      </c>
      <c r="H227" s="10" t="s">
        <v>479</v>
      </c>
      <c r="I227" s="16" t="s">
        <v>884</v>
      </c>
      <c r="J227" s="10" t="s">
        <v>733</v>
      </c>
      <c r="K227" s="10" t="s">
        <v>803</v>
      </c>
      <c r="L227" s="16" t="s">
        <v>372</v>
      </c>
      <c r="M227" s="26">
        <v>41791</v>
      </c>
      <c r="N227" s="26">
        <v>46173</v>
      </c>
      <c r="O227" s="52"/>
      <c r="P227" s="52"/>
      <c r="Q227" s="52"/>
      <c r="R227" s="49" t="s">
        <v>1764</v>
      </c>
      <c r="S227" s="49" t="s">
        <v>192</v>
      </c>
    </row>
    <row r="228" spans="1:19" s="54" customFormat="1" ht="46.5" customHeight="1" x14ac:dyDescent="0.15">
      <c r="A228" s="47" t="s">
        <v>1461</v>
      </c>
      <c r="B228" s="48" t="str">
        <f>IFERROR(VLOOKUP($A228,削除禁止!$A$1:$J$42,2,0),"")</f>
        <v>通所系</v>
      </c>
      <c r="C228" s="10">
        <v>1610101535</v>
      </c>
      <c r="D228" s="10"/>
      <c r="E228" s="10"/>
      <c r="F228" s="16" t="s">
        <v>535</v>
      </c>
      <c r="G228" s="10">
        <v>20</v>
      </c>
      <c r="H228" s="10" t="s">
        <v>746</v>
      </c>
      <c r="I228" s="16" t="s">
        <v>1360</v>
      </c>
      <c r="J228" s="10" t="s">
        <v>386</v>
      </c>
      <c r="K228" s="10" t="s">
        <v>859</v>
      </c>
      <c r="L228" s="16" t="s">
        <v>1163</v>
      </c>
      <c r="M228" s="26">
        <v>41913</v>
      </c>
      <c r="N228" s="26">
        <v>46295</v>
      </c>
      <c r="O228" s="52"/>
      <c r="P228" s="52"/>
      <c r="Q228" s="52"/>
      <c r="R228" s="49" t="s">
        <v>1764</v>
      </c>
      <c r="S228" s="49" t="s">
        <v>1817</v>
      </c>
    </row>
    <row r="229" spans="1:19" s="54" customFormat="1" ht="46.5" customHeight="1" x14ac:dyDescent="0.15">
      <c r="A229" s="47" t="s">
        <v>1461</v>
      </c>
      <c r="B229" s="48" t="str">
        <f>IFERROR(VLOOKUP($A229,削除禁止!$A$1:$J$42,2,0),"")</f>
        <v>通所系</v>
      </c>
      <c r="C229" s="10">
        <v>1610101550</v>
      </c>
      <c r="D229" s="10" t="s">
        <v>651</v>
      </c>
      <c r="E229" s="10"/>
      <c r="F229" s="16" t="s">
        <v>1595</v>
      </c>
      <c r="G229" s="10">
        <v>20</v>
      </c>
      <c r="H229" s="10" t="s">
        <v>273</v>
      </c>
      <c r="I229" s="16" t="s">
        <v>1883</v>
      </c>
      <c r="J229" s="10" t="s">
        <v>503</v>
      </c>
      <c r="K229" s="10" t="s">
        <v>280</v>
      </c>
      <c r="L229" s="16" t="s">
        <v>1402</v>
      </c>
      <c r="M229" s="26">
        <v>41944</v>
      </c>
      <c r="N229" s="26">
        <v>46326</v>
      </c>
      <c r="O229" s="52"/>
      <c r="P229" s="52"/>
      <c r="Q229" s="52"/>
      <c r="R229" s="49" t="s">
        <v>1764</v>
      </c>
      <c r="S229" s="49" t="s">
        <v>1527</v>
      </c>
    </row>
    <row r="230" spans="1:19" s="54" customFormat="1" ht="46.5" customHeight="1" x14ac:dyDescent="0.15">
      <c r="A230" s="47" t="s">
        <v>1461</v>
      </c>
      <c r="B230" s="48" t="str">
        <f>IFERROR(VLOOKUP($A230,削除禁止!$A$1:$J$42,2,0),"")</f>
        <v>通所系</v>
      </c>
      <c r="C230" s="10">
        <v>1610101592</v>
      </c>
      <c r="D230" s="10"/>
      <c r="E230" s="10"/>
      <c r="F230" s="16" t="s">
        <v>847</v>
      </c>
      <c r="G230" s="10">
        <v>14</v>
      </c>
      <c r="H230" s="10" t="s">
        <v>189</v>
      </c>
      <c r="I230" s="16" t="s">
        <v>1355</v>
      </c>
      <c r="J230" s="10" t="s">
        <v>533</v>
      </c>
      <c r="K230" s="10" t="s">
        <v>534</v>
      </c>
      <c r="L230" s="16" t="s">
        <v>532</v>
      </c>
      <c r="M230" s="26">
        <v>41974</v>
      </c>
      <c r="N230" s="26">
        <v>46356</v>
      </c>
      <c r="O230" s="52"/>
      <c r="P230" s="52"/>
      <c r="Q230" s="52"/>
      <c r="R230" s="49" t="s">
        <v>1764</v>
      </c>
      <c r="S230" s="49" t="s">
        <v>1822</v>
      </c>
    </row>
    <row r="231" spans="1:19" s="54" customFormat="1" ht="46.5" customHeight="1" x14ac:dyDescent="0.15">
      <c r="A231" s="47" t="s">
        <v>1461</v>
      </c>
      <c r="B231" s="48" t="str">
        <f>IFERROR(VLOOKUP($A231,削除禁止!$A$1:$J$42,2,0),"")</f>
        <v>通所系</v>
      </c>
      <c r="C231" s="10">
        <v>1610101600</v>
      </c>
      <c r="D231" s="10"/>
      <c r="E231" s="10"/>
      <c r="F231" s="16" t="s">
        <v>712</v>
      </c>
      <c r="G231" s="10">
        <v>15</v>
      </c>
      <c r="H231" s="10" t="s">
        <v>98</v>
      </c>
      <c r="I231" s="16" t="s">
        <v>1361</v>
      </c>
      <c r="J231" s="10" t="s">
        <v>860</v>
      </c>
      <c r="K231" s="10" t="s">
        <v>860</v>
      </c>
      <c r="L231" s="16" t="s">
        <v>1154</v>
      </c>
      <c r="M231" s="26">
        <v>42036</v>
      </c>
      <c r="N231" s="26">
        <v>46418</v>
      </c>
      <c r="O231" s="52"/>
      <c r="P231" s="52"/>
      <c r="Q231" s="52"/>
      <c r="R231" s="49" t="s">
        <v>1764</v>
      </c>
      <c r="S231" s="49" t="s">
        <v>1602</v>
      </c>
    </row>
    <row r="232" spans="1:19" s="54" customFormat="1" ht="46.5" customHeight="1" x14ac:dyDescent="0.15">
      <c r="A232" s="47" t="s">
        <v>1461</v>
      </c>
      <c r="B232" s="48" t="str">
        <f>IFERROR(VLOOKUP($A232,削除禁止!$A$1:$J$42,2,0),"")</f>
        <v>通所系</v>
      </c>
      <c r="C232" s="10">
        <v>1610101626</v>
      </c>
      <c r="D232" s="10" t="s">
        <v>651</v>
      </c>
      <c r="E232" s="10"/>
      <c r="F232" s="16" t="s">
        <v>1080</v>
      </c>
      <c r="G232" s="10">
        <v>10</v>
      </c>
      <c r="H232" s="10" t="s">
        <v>224</v>
      </c>
      <c r="I232" s="16" t="s">
        <v>1370</v>
      </c>
      <c r="J232" s="10" t="s">
        <v>814</v>
      </c>
      <c r="K232" s="10" t="s">
        <v>862</v>
      </c>
      <c r="L232" s="16" t="s">
        <v>1129</v>
      </c>
      <c r="M232" s="26">
        <v>42058</v>
      </c>
      <c r="N232" s="26">
        <v>46440</v>
      </c>
      <c r="O232" s="52"/>
      <c r="P232" s="52"/>
      <c r="Q232" s="52"/>
      <c r="R232" s="49" t="s">
        <v>1764</v>
      </c>
      <c r="S232" s="49" t="s">
        <v>562</v>
      </c>
    </row>
    <row r="233" spans="1:19" s="54" customFormat="1" ht="46.5" customHeight="1" x14ac:dyDescent="0.15">
      <c r="A233" s="47" t="s">
        <v>1461</v>
      </c>
      <c r="B233" s="48" t="str">
        <f>IFERROR(VLOOKUP($A233,削除禁止!$A$1:$J$42,2,0),"")</f>
        <v>通所系</v>
      </c>
      <c r="C233" s="10">
        <v>1610101642</v>
      </c>
      <c r="D233" s="10"/>
      <c r="E233" s="10"/>
      <c r="F233" s="16" t="s">
        <v>1204</v>
      </c>
      <c r="G233" s="10">
        <v>20</v>
      </c>
      <c r="H233" s="10" t="s">
        <v>746</v>
      </c>
      <c r="I233" s="16" t="s">
        <v>1805</v>
      </c>
      <c r="J233" s="10" t="s">
        <v>795</v>
      </c>
      <c r="K233" s="10" t="s">
        <v>5</v>
      </c>
      <c r="L233" s="16" t="s">
        <v>1163</v>
      </c>
      <c r="M233" s="26">
        <v>42064</v>
      </c>
      <c r="N233" s="26">
        <v>46446</v>
      </c>
      <c r="O233" s="52"/>
      <c r="P233" s="52"/>
      <c r="Q233" s="52"/>
      <c r="R233" s="49" t="s">
        <v>1764</v>
      </c>
      <c r="S233" s="49" t="s">
        <v>1817</v>
      </c>
    </row>
    <row r="234" spans="1:19" s="54" customFormat="1" ht="46.5" customHeight="1" x14ac:dyDescent="0.15">
      <c r="A234" s="47" t="s">
        <v>1461</v>
      </c>
      <c r="B234" s="48" t="str">
        <f>IFERROR(VLOOKUP($A234,削除禁止!$A$1:$J$42,2,0),"")</f>
        <v>通所系</v>
      </c>
      <c r="C234" s="10">
        <v>1610101634</v>
      </c>
      <c r="D234" s="10"/>
      <c r="E234" s="10"/>
      <c r="F234" s="16" t="s">
        <v>592</v>
      </c>
      <c r="G234" s="10">
        <v>20</v>
      </c>
      <c r="H234" s="10" t="s">
        <v>686</v>
      </c>
      <c r="I234" s="16" t="s">
        <v>126</v>
      </c>
      <c r="J234" s="10" t="s">
        <v>304</v>
      </c>
      <c r="K234" s="10" t="s">
        <v>304</v>
      </c>
      <c r="L234" s="16" t="s">
        <v>1133</v>
      </c>
      <c r="M234" s="26">
        <v>42064</v>
      </c>
      <c r="N234" s="26">
        <v>46446</v>
      </c>
      <c r="O234" s="52"/>
      <c r="P234" s="52"/>
      <c r="Q234" s="52"/>
      <c r="R234" s="49" t="s">
        <v>1764</v>
      </c>
      <c r="S234" s="49" t="s">
        <v>1817</v>
      </c>
    </row>
    <row r="235" spans="1:19" s="54" customFormat="1" ht="46.5" customHeight="1" x14ac:dyDescent="0.15">
      <c r="A235" s="47" t="s">
        <v>1461</v>
      </c>
      <c r="B235" s="48" t="str">
        <f>IFERROR(VLOOKUP($A235,削除禁止!$A$1:$J$42,2,0),"")</f>
        <v>通所系</v>
      </c>
      <c r="C235" s="10">
        <v>1610101733</v>
      </c>
      <c r="D235" s="10" t="s">
        <v>651</v>
      </c>
      <c r="E235" s="10"/>
      <c r="F235" s="16" t="s">
        <v>555</v>
      </c>
      <c r="G235" s="10">
        <v>20</v>
      </c>
      <c r="H235" s="10" t="s">
        <v>1936</v>
      </c>
      <c r="I235" s="16" t="s">
        <v>1904</v>
      </c>
      <c r="J235" s="10" t="s">
        <v>478</v>
      </c>
      <c r="K235" s="10" t="s">
        <v>863</v>
      </c>
      <c r="L235" s="16" t="s">
        <v>1170</v>
      </c>
      <c r="M235" s="26">
        <v>42278</v>
      </c>
      <c r="N235" s="26">
        <v>46660</v>
      </c>
      <c r="O235" s="52"/>
      <c r="P235" s="52"/>
      <c r="Q235" s="52"/>
      <c r="R235" s="49" t="s">
        <v>1840</v>
      </c>
      <c r="S235" s="49" t="s">
        <v>1840</v>
      </c>
    </row>
    <row r="236" spans="1:19" s="54" customFormat="1" ht="46.5" customHeight="1" x14ac:dyDescent="0.15">
      <c r="A236" s="47" t="s">
        <v>1461</v>
      </c>
      <c r="B236" s="48" t="str">
        <f>IFERROR(VLOOKUP($A236,削除禁止!$A$1:$J$42,2,0),"")</f>
        <v>通所系</v>
      </c>
      <c r="C236" s="10">
        <v>1610101816</v>
      </c>
      <c r="D236" s="10"/>
      <c r="E236" s="10"/>
      <c r="F236" s="16" t="s">
        <v>1196</v>
      </c>
      <c r="G236" s="10">
        <v>20</v>
      </c>
      <c r="H236" s="10" t="s">
        <v>82</v>
      </c>
      <c r="I236" s="16" t="s">
        <v>1681</v>
      </c>
      <c r="J236" s="10" t="s">
        <v>782</v>
      </c>
      <c r="K236" s="10" t="s">
        <v>782</v>
      </c>
      <c r="L236" s="16" t="s">
        <v>1154</v>
      </c>
      <c r="M236" s="26">
        <v>42552</v>
      </c>
      <c r="N236" s="26">
        <v>46934</v>
      </c>
      <c r="O236" s="52"/>
      <c r="P236" s="52"/>
      <c r="Q236" s="52"/>
      <c r="R236" s="49" t="s">
        <v>1764</v>
      </c>
      <c r="S236" s="49" t="s">
        <v>562</v>
      </c>
    </row>
    <row r="237" spans="1:19" s="54" customFormat="1" ht="46.5" customHeight="1" x14ac:dyDescent="0.15">
      <c r="A237" s="47" t="s">
        <v>1461</v>
      </c>
      <c r="B237" s="48" t="str">
        <f>IFERROR(VLOOKUP($A237,削除禁止!$A$1:$J$42,2,0),"")</f>
        <v>通所系</v>
      </c>
      <c r="C237" s="10">
        <v>1610101840</v>
      </c>
      <c r="D237" s="10"/>
      <c r="E237" s="10"/>
      <c r="F237" s="16" t="s">
        <v>317</v>
      </c>
      <c r="G237" s="10">
        <v>20</v>
      </c>
      <c r="H237" s="10" t="s">
        <v>784</v>
      </c>
      <c r="I237" s="16" t="s">
        <v>1611</v>
      </c>
      <c r="J237" s="10" t="s">
        <v>866</v>
      </c>
      <c r="K237" s="10" t="s">
        <v>565</v>
      </c>
      <c r="L237" s="16" t="s">
        <v>1095</v>
      </c>
      <c r="M237" s="26">
        <v>42705</v>
      </c>
      <c r="N237" s="26">
        <v>47087</v>
      </c>
      <c r="O237" s="52"/>
      <c r="P237" s="52"/>
      <c r="Q237" s="52"/>
      <c r="R237" s="49" t="s">
        <v>1808</v>
      </c>
      <c r="S237" s="49" t="s">
        <v>1594</v>
      </c>
    </row>
    <row r="238" spans="1:19" s="54" customFormat="1" ht="46.5" customHeight="1" x14ac:dyDescent="0.15">
      <c r="A238" s="47" t="s">
        <v>1461</v>
      </c>
      <c r="B238" s="48" t="str">
        <f>IFERROR(VLOOKUP($A238,削除禁止!$A$1:$J$42,2,0),"")</f>
        <v>通所系</v>
      </c>
      <c r="C238" s="10">
        <v>1610101899</v>
      </c>
      <c r="D238" s="10"/>
      <c r="E238" s="10"/>
      <c r="F238" s="16" t="s">
        <v>485</v>
      </c>
      <c r="G238" s="10">
        <v>20</v>
      </c>
      <c r="H238" s="10" t="s">
        <v>785</v>
      </c>
      <c r="I238" s="16" t="s">
        <v>1164</v>
      </c>
      <c r="J238" s="10" t="s">
        <v>237</v>
      </c>
      <c r="K238" s="10" t="s">
        <v>324</v>
      </c>
      <c r="L238" s="16" t="s">
        <v>635</v>
      </c>
      <c r="M238" s="26">
        <v>42826</v>
      </c>
      <c r="N238" s="26">
        <v>47208</v>
      </c>
      <c r="O238" s="52"/>
      <c r="P238" s="52"/>
      <c r="Q238" s="52"/>
      <c r="R238" s="49" t="s">
        <v>1764</v>
      </c>
      <c r="S238" s="49" t="s">
        <v>1829</v>
      </c>
    </row>
    <row r="239" spans="1:19" s="54" customFormat="1" ht="46.5" customHeight="1" x14ac:dyDescent="0.15">
      <c r="A239" s="47" t="s">
        <v>1461</v>
      </c>
      <c r="B239" s="48" t="str">
        <f>IFERROR(VLOOKUP($A239,削除禁止!$A$1:$J$42,2,0),"")</f>
        <v>通所系</v>
      </c>
      <c r="C239" s="10">
        <v>1610101956</v>
      </c>
      <c r="D239" s="10"/>
      <c r="E239" s="10"/>
      <c r="F239" s="16" t="s">
        <v>710</v>
      </c>
      <c r="G239" s="10">
        <v>20</v>
      </c>
      <c r="H239" s="10" t="s">
        <v>792</v>
      </c>
      <c r="I239" s="16" t="s">
        <v>1362</v>
      </c>
      <c r="J239" s="10" t="s">
        <v>311</v>
      </c>
      <c r="K239" s="10" t="s">
        <v>790</v>
      </c>
      <c r="L239" s="16" t="s">
        <v>1135</v>
      </c>
      <c r="M239" s="26">
        <v>43009</v>
      </c>
      <c r="N239" s="26">
        <v>47391</v>
      </c>
      <c r="O239" s="52"/>
      <c r="P239" s="52"/>
      <c r="Q239" s="52"/>
      <c r="R239" s="49" t="s">
        <v>1764</v>
      </c>
      <c r="S239" s="49" t="s">
        <v>1816</v>
      </c>
    </row>
    <row r="240" spans="1:19" s="54" customFormat="1" ht="46.5" customHeight="1" x14ac:dyDescent="0.15">
      <c r="A240" s="47" t="s">
        <v>1461</v>
      </c>
      <c r="B240" s="48" t="str">
        <f>IFERROR(VLOOKUP($A240,削除禁止!$A$1:$J$42,2,0),"")</f>
        <v>通所系</v>
      </c>
      <c r="C240" s="10">
        <v>1610101998</v>
      </c>
      <c r="D240" s="10" t="s">
        <v>651</v>
      </c>
      <c r="E240" s="10"/>
      <c r="F240" s="16" t="s">
        <v>549</v>
      </c>
      <c r="G240" s="10">
        <v>10</v>
      </c>
      <c r="H240" s="10" t="s">
        <v>837</v>
      </c>
      <c r="I240" s="16" t="s">
        <v>1356</v>
      </c>
      <c r="J240" s="10" t="s">
        <v>320</v>
      </c>
      <c r="K240" s="10" t="s">
        <v>854</v>
      </c>
      <c r="L240" s="16" t="s">
        <v>1056</v>
      </c>
      <c r="M240" s="26">
        <v>43209</v>
      </c>
      <c r="N240" s="26">
        <v>45400</v>
      </c>
      <c r="O240" s="52"/>
      <c r="P240" s="52"/>
      <c r="Q240" s="52"/>
      <c r="R240" s="49" t="s">
        <v>1764</v>
      </c>
      <c r="S240" s="49" t="s">
        <v>1820</v>
      </c>
    </row>
    <row r="241" spans="1:19" s="54" customFormat="1" ht="46.5" customHeight="1" x14ac:dyDescent="0.15">
      <c r="A241" s="47" t="s">
        <v>1461</v>
      </c>
      <c r="B241" s="48" t="str">
        <f>IFERROR(VLOOKUP($A241,削除禁止!$A$1:$J$42,2,0),"")</f>
        <v>通所系</v>
      </c>
      <c r="C241" s="10">
        <v>1610102632</v>
      </c>
      <c r="D241" s="10"/>
      <c r="E241" s="10"/>
      <c r="F241" s="16" t="s">
        <v>1032</v>
      </c>
      <c r="G241" s="10">
        <v>20</v>
      </c>
      <c r="H241" s="10" t="s">
        <v>1076</v>
      </c>
      <c r="I241" s="16" t="s">
        <v>1363</v>
      </c>
      <c r="J241" s="10" t="s">
        <v>433</v>
      </c>
      <c r="K241" s="10" t="s">
        <v>1077</v>
      </c>
      <c r="L241" s="16" t="s">
        <v>138</v>
      </c>
      <c r="M241" s="26">
        <v>44287</v>
      </c>
      <c r="N241" s="26">
        <v>46477</v>
      </c>
      <c r="O241" s="52"/>
      <c r="P241" s="52"/>
      <c r="Q241" s="52"/>
      <c r="R241" s="49" t="s">
        <v>1764</v>
      </c>
      <c r="S241" s="49" t="s">
        <v>1527</v>
      </c>
    </row>
    <row r="242" spans="1:19" s="54" customFormat="1" ht="46.5" customHeight="1" x14ac:dyDescent="0.15">
      <c r="A242" s="47" t="s">
        <v>1461</v>
      </c>
      <c r="B242" s="48" t="str">
        <f>IFERROR(VLOOKUP($A242,削除禁止!$A$1:$J$42,2,0),"")</f>
        <v>通所系</v>
      </c>
      <c r="C242" s="10">
        <v>1610102665</v>
      </c>
      <c r="D242" s="10"/>
      <c r="E242" s="10"/>
      <c r="F242" s="16" t="s">
        <v>1731</v>
      </c>
      <c r="G242" s="10">
        <v>15</v>
      </c>
      <c r="H242" s="10" t="s">
        <v>910</v>
      </c>
      <c r="I242" s="16" t="s">
        <v>1682</v>
      </c>
      <c r="J242" s="10" t="s">
        <v>727</v>
      </c>
      <c r="K242" s="10" t="s">
        <v>1443</v>
      </c>
      <c r="L242" s="16" t="s">
        <v>1516</v>
      </c>
      <c r="M242" s="26">
        <v>44470</v>
      </c>
      <c r="N242" s="26">
        <v>46660</v>
      </c>
      <c r="O242" s="52"/>
      <c r="P242" s="52"/>
      <c r="Q242" s="52"/>
      <c r="R242" s="49" t="s">
        <v>1764</v>
      </c>
      <c r="S242" s="49" t="s">
        <v>1817</v>
      </c>
    </row>
    <row r="243" spans="1:19" s="54" customFormat="1" ht="46.5" customHeight="1" x14ac:dyDescent="0.15">
      <c r="A243" s="47" t="s">
        <v>1461</v>
      </c>
      <c r="B243" s="48" t="str">
        <f>IFERROR(VLOOKUP($A243,削除禁止!$A$1:$J$42,2,0),"")</f>
        <v>通所系</v>
      </c>
      <c r="C243" s="10">
        <v>1610102780</v>
      </c>
      <c r="D243" s="10"/>
      <c r="E243" s="10"/>
      <c r="F243" s="16" t="s">
        <v>243</v>
      </c>
      <c r="G243" s="10">
        <v>20</v>
      </c>
      <c r="H243" s="10" t="s">
        <v>1544</v>
      </c>
      <c r="I243" s="16" t="s">
        <v>1683</v>
      </c>
      <c r="J243" s="10" t="s">
        <v>1545</v>
      </c>
      <c r="K243" s="10" t="s">
        <v>773</v>
      </c>
      <c r="L243" s="16" t="s">
        <v>1647</v>
      </c>
      <c r="M243" s="26">
        <v>44682</v>
      </c>
      <c r="N243" s="26">
        <v>46873</v>
      </c>
      <c r="O243" s="52"/>
      <c r="P243" s="52"/>
      <c r="Q243" s="52"/>
      <c r="R243" s="49" t="s">
        <v>1764</v>
      </c>
      <c r="S243" s="49" t="s">
        <v>1819</v>
      </c>
    </row>
    <row r="244" spans="1:19" s="54" customFormat="1" ht="46.5" customHeight="1" x14ac:dyDescent="0.15">
      <c r="A244" s="47" t="s">
        <v>1461</v>
      </c>
      <c r="B244" s="48" t="str">
        <f>IFERROR(VLOOKUP($A244,削除禁止!$A$1:$J$42,2,0),"")</f>
        <v>通所系</v>
      </c>
      <c r="C244" s="10">
        <v>1610102798</v>
      </c>
      <c r="D244" s="10" t="s">
        <v>651</v>
      </c>
      <c r="E244" s="10"/>
      <c r="F244" s="16" t="s">
        <v>1732</v>
      </c>
      <c r="G244" s="10">
        <v>40</v>
      </c>
      <c r="H244" s="10" t="s">
        <v>1542</v>
      </c>
      <c r="I244" s="16" t="s">
        <v>1523</v>
      </c>
      <c r="J244" s="10" t="s">
        <v>1543</v>
      </c>
      <c r="K244" s="10" t="s">
        <v>34</v>
      </c>
      <c r="L244" s="16" t="s">
        <v>1648</v>
      </c>
      <c r="M244" s="26">
        <v>44682</v>
      </c>
      <c r="N244" s="26">
        <v>46873</v>
      </c>
      <c r="O244" s="52"/>
      <c r="P244" s="52"/>
      <c r="Q244" s="52"/>
      <c r="R244" s="49" t="s">
        <v>1764</v>
      </c>
      <c r="S244" s="49" t="s">
        <v>1634</v>
      </c>
    </row>
    <row r="245" spans="1:19" s="54" customFormat="1" ht="46.5" customHeight="1" x14ac:dyDescent="0.15">
      <c r="A245" s="47" t="s">
        <v>1461</v>
      </c>
      <c r="B245" s="48" t="str">
        <f>IFERROR(VLOOKUP($A245,削除禁止!$A$1:$J$42,2,0),"")</f>
        <v>通所系</v>
      </c>
      <c r="C245" s="10">
        <v>1610102806</v>
      </c>
      <c r="D245" s="10" t="s">
        <v>651</v>
      </c>
      <c r="E245" s="10"/>
      <c r="F245" s="16" t="s">
        <v>166</v>
      </c>
      <c r="G245" s="10">
        <v>10</v>
      </c>
      <c r="H245" s="10" t="s">
        <v>575</v>
      </c>
      <c r="I245" s="16" t="s">
        <v>1573</v>
      </c>
      <c r="J245" s="10" t="s">
        <v>1551</v>
      </c>
      <c r="K245" s="10" t="s">
        <v>1019</v>
      </c>
      <c r="L245" s="16" t="s">
        <v>1104</v>
      </c>
      <c r="M245" s="26">
        <v>44713</v>
      </c>
      <c r="N245" s="26">
        <v>46904</v>
      </c>
      <c r="O245" s="52"/>
      <c r="P245" s="52"/>
      <c r="Q245" s="52"/>
      <c r="R245" s="49" t="s">
        <v>1808</v>
      </c>
      <c r="S245" s="49" t="s">
        <v>1832</v>
      </c>
    </row>
    <row r="246" spans="1:19" s="54" customFormat="1" ht="46.5" customHeight="1" x14ac:dyDescent="0.15">
      <c r="A246" s="47" t="s">
        <v>1461</v>
      </c>
      <c r="B246" s="48" t="str">
        <f>IFERROR(VLOOKUP($A246,削除禁止!$A$1:$J$42,2,0),"")</f>
        <v>通所系</v>
      </c>
      <c r="C246" s="10">
        <v>1610102822</v>
      </c>
      <c r="D246" s="10" t="s">
        <v>651</v>
      </c>
      <c r="E246" s="10"/>
      <c r="F246" s="16" t="s">
        <v>1562</v>
      </c>
      <c r="G246" s="10">
        <v>10</v>
      </c>
      <c r="H246" s="10" t="s">
        <v>1192</v>
      </c>
      <c r="I246" s="16" t="s">
        <v>1684</v>
      </c>
      <c r="J246" s="10" t="s">
        <v>1553</v>
      </c>
      <c r="K246" s="10" t="s">
        <v>414</v>
      </c>
      <c r="L246" s="16" t="s">
        <v>1650</v>
      </c>
      <c r="M246" s="26">
        <v>44743</v>
      </c>
      <c r="N246" s="26">
        <v>46934</v>
      </c>
      <c r="O246" s="52"/>
      <c r="P246" s="52"/>
      <c r="Q246" s="52"/>
      <c r="R246" s="49" t="s">
        <v>1764</v>
      </c>
      <c r="S246" s="49" t="s">
        <v>1831</v>
      </c>
    </row>
    <row r="247" spans="1:19" s="54" customFormat="1" ht="46.5" customHeight="1" x14ac:dyDescent="0.15">
      <c r="A247" s="47" t="s">
        <v>1461</v>
      </c>
      <c r="B247" s="48" t="str">
        <f>IFERROR(VLOOKUP($A247,削除禁止!$A$1:$J$42,2,0),"")</f>
        <v>通所系</v>
      </c>
      <c r="C247" s="10">
        <v>1610102897</v>
      </c>
      <c r="D247" s="10"/>
      <c r="E247" s="10"/>
      <c r="F247" s="16" t="s">
        <v>1274</v>
      </c>
      <c r="G247" s="10">
        <v>20</v>
      </c>
      <c r="H247" s="10" t="s">
        <v>417</v>
      </c>
      <c r="I247" s="16" t="s">
        <v>1685</v>
      </c>
      <c r="J247" s="10" t="s">
        <v>1596</v>
      </c>
      <c r="K247" s="10" t="s">
        <v>1627</v>
      </c>
      <c r="L247" s="16" t="s">
        <v>459</v>
      </c>
      <c r="M247" s="26">
        <v>44866</v>
      </c>
      <c r="N247" s="26">
        <v>47057</v>
      </c>
      <c r="O247" s="52"/>
      <c r="P247" s="52"/>
      <c r="Q247" s="52"/>
      <c r="R247" s="49" t="s">
        <v>1764</v>
      </c>
      <c r="S247" s="49" t="s">
        <v>1816</v>
      </c>
    </row>
    <row r="248" spans="1:19" s="54" customFormat="1" ht="46.5" customHeight="1" x14ac:dyDescent="0.15">
      <c r="A248" s="47" t="s">
        <v>1461</v>
      </c>
      <c r="B248" s="48" t="str">
        <f>IFERROR(VLOOKUP($A248,削除禁止!$A$1:$J$42,2,0),"")</f>
        <v>通所系</v>
      </c>
      <c r="C248" s="10">
        <v>1610102921</v>
      </c>
      <c r="D248" s="10"/>
      <c r="E248" s="10"/>
      <c r="F248" s="16" t="s">
        <v>1763</v>
      </c>
      <c r="G248" s="10">
        <v>20</v>
      </c>
      <c r="H248" s="10" t="s">
        <v>1722</v>
      </c>
      <c r="I248" s="16" t="s">
        <v>1</v>
      </c>
      <c r="J248" s="10" t="s">
        <v>870</v>
      </c>
      <c r="K248" s="10" t="s">
        <v>827</v>
      </c>
      <c r="L248" s="16" t="s">
        <v>1861</v>
      </c>
      <c r="M248" s="26">
        <v>44986</v>
      </c>
      <c r="N248" s="26">
        <v>47177</v>
      </c>
      <c r="O248" s="52"/>
      <c r="P248" s="52"/>
      <c r="Q248" s="52"/>
      <c r="R248" s="49" t="s">
        <v>1764</v>
      </c>
      <c r="S248" s="49" t="s">
        <v>562</v>
      </c>
    </row>
    <row r="249" spans="1:19" s="54" customFormat="1" ht="46.5" customHeight="1" x14ac:dyDescent="0.15">
      <c r="A249" s="47" t="s">
        <v>1461</v>
      </c>
      <c r="B249" s="58" t="str">
        <f>IFERROR(VLOOKUP($A249,削除禁止!$A$1:$J$42,2,0),"")</f>
        <v>通所系</v>
      </c>
      <c r="C249" s="39">
        <v>1610103010</v>
      </c>
      <c r="D249" s="42"/>
      <c r="E249" s="42"/>
      <c r="F249" s="41" t="s">
        <v>1957</v>
      </c>
      <c r="G249" s="39">
        <v>20</v>
      </c>
      <c r="H249" s="10" t="s">
        <v>1958</v>
      </c>
      <c r="I249" s="41" t="s">
        <v>1960</v>
      </c>
      <c r="J249" s="39" t="s">
        <v>1961</v>
      </c>
      <c r="K249" s="42" t="s">
        <v>1962</v>
      </c>
      <c r="L249" s="16" t="s">
        <v>1963</v>
      </c>
      <c r="M249" s="26">
        <v>45383</v>
      </c>
      <c r="N249" s="26">
        <v>47573</v>
      </c>
      <c r="O249" s="59"/>
      <c r="P249" s="59"/>
      <c r="Q249" s="59"/>
      <c r="R249" s="60" t="s">
        <v>1764</v>
      </c>
      <c r="S249" s="61" t="s">
        <v>1813</v>
      </c>
    </row>
    <row r="250" spans="1:19" s="54" customFormat="1" ht="46.5" customHeight="1" x14ac:dyDescent="0.15">
      <c r="A250" s="47" t="s">
        <v>73</v>
      </c>
      <c r="B250" s="48" t="str">
        <f>IFERROR(VLOOKUP($A250,削除禁止!$A$1:$J$42,2,0),"")</f>
        <v>通所系</v>
      </c>
      <c r="C250" s="10">
        <v>1610100545</v>
      </c>
      <c r="D250" s="10"/>
      <c r="E250" s="10"/>
      <c r="F250" s="16" t="s">
        <v>1200</v>
      </c>
      <c r="G250" s="10">
        <v>40</v>
      </c>
      <c r="H250" s="10" t="s">
        <v>134</v>
      </c>
      <c r="I250" s="16" t="s">
        <v>1959</v>
      </c>
      <c r="J250" s="10" t="s">
        <v>1073</v>
      </c>
      <c r="K250" s="10" t="s">
        <v>292</v>
      </c>
      <c r="L250" s="16" t="s">
        <v>404</v>
      </c>
      <c r="M250" s="26">
        <v>38991</v>
      </c>
      <c r="N250" s="26">
        <v>45565</v>
      </c>
      <c r="O250" s="52"/>
      <c r="P250" s="52"/>
      <c r="Q250" s="52"/>
      <c r="R250" s="49" t="s">
        <v>1764</v>
      </c>
      <c r="S250" s="49" t="s">
        <v>1704</v>
      </c>
    </row>
    <row r="251" spans="1:19" s="54" customFormat="1" ht="46.5" customHeight="1" x14ac:dyDescent="0.15">
      <c r="A251" s="47" t="s">
        <v>73</v>
      </c>
      <c r="B251" s="48" t="str">
        <f>IFERROR(VLOOKUP($A251,削除禁止!$A$1:$J$42,2,0),"")</f>
        <v>通所系</v>
      </c>
      <c r="C251" s="10">
        <v>1610100560</v>
      </c>
      <c r="D251" s="10"/>
      <c r="E251" s="10"/>
      <c r="F251" s="16" t="s">
        <v>430</v>
      </c>
      <c r="G251" s="10">
        <v>30</v>
      </c>
      <c r="H251" s="10" t="s">
        <v>53</v>
      </c>
      <c r="I251" s="16" t="s">
        <v>1353</v>
      </c>
      <c r="J251" s="10" t="s">
        <v>436</v>
      </c>
      <c r="K251" s="10" t="s">
        <v>437</v>
      </c>
      <c r="L251" s="16" t="s">
        <v>407</v>
      </c>
      <c r="M251" s="26">
        <v>38991</v>
      </c>
      <c r="N251" s="26">
        <v>45565</v>
      </c>
      <c r="O251" s="52"/>
      <c r="P251" s="52"/>
      <c r="Q251" s="52"/>
      <c r="R251" s="49" t="s">
        <v>1764</v>
      </c>
      <c r="S251" s="49" t="s">
        <v>1704</v>
      </c>
    </row>
    <row r="252" spans="1:19" s="54" customFormat="1" ht="46.5" customHeight="1" x14ac:dyDescent="0.15">
      <c r="A252" s="47" t="s">
        <v>73</v>
      </c>
      <c r="B252" s="48" t="str">
        <f>IFERROR(VLOOKUP($A252,削除禁止!$A$1:$J$42,2,0),"")</f>
        <v>通所系</v>
      </c>
      <c r="C252" s="10">
        <v>1610100586</v>
      </c>
      <c r="D252" s="10" t="s">
        <v>651</v>
      </c>
      <c r="E252" s="10"/>
      <c r="F252" s="16" t="s">
        <v>1256</v>
      </c>
      <c r="G252" s="10">
        <v>30</v>
      </c>
      <c r="H252" s="10" t="s">
        <v>330</v>
      </c>
      <c r="I252" s="16" t="s">
        <v>355</v>
      </c>
      <c r="J252" s="10" t="s">
        <v>559</v>
      </c>
      <c r="K252" s="10" t="s">
        <v>559</v>
      </c>
      <c r="L252" s="16" t="s">
        <v>554</v>
      </c>
      <c r="M252" s="26">
        <v>38991</v>
      </c>
      <c r="N252" s="26">
        <v>45565</v>
      </c>
      <c r="O252" s="52"/>
      <c r="P252" s="52"/>
      <c r="Q252" s="52"/>
      <c r="R252" s="49" t="s">
        <v>1809</v>
      </c>
      <c r="S252" s="49" t="s">
        <v>1485</v>
      </c>
    </row>
    <row r="253" spans="1:19" s="54" customFormat="1" ht="46.5" customHeight="1" x14ac:dyDescent="0.15">
      <c r="A253" s="47" t="s">
        <v>73</v>
      </c>
      <c r="B253" s="48" t="str">
        <f>IFERROR(VLOOKUP($A253,削除禁止!$A$1:$J$42,2,0),"")</f>
        <v>通所系</v>
      </c>
      <c r="C253" s="10">
        <v>1610100685</v>
      </c>
      <c r="D253" s="10"/>
      <c r="E253" s="10"/>
      <c r="F253" s="16" t="s">
        <v>65</v>
      </c>
      <c r="G253" s="10">
        <v>20</v>
      </c>
      <c r="H253" s="10" t="s">
        <v>103</v>
      </c>
      <c r="I253" s="16" t="s">
        <v>1028</v>
      </c>
      <c r="J253" s="10" t="s">
        <v>120</v>
      </c>
      <c r="K253" s="10" t="s">
        <v>40</v>
      </c>
      <c r="L253" s="16" t="s">
        <v>163</v>
      </c>
      <c r="M253" s="26">
        <v>39173</v>
      </c>
      <c r="N253" s="26">
        <v>45747</v>
      </c>
      <c r="O253" s="52"/>
      <c r="P253" s="52"/>
      <c r="Q253" s="52"/>
      <c r="R253" s="49" t="s">
        <v>1764</v>
      </c>
      <c r="S253" s="49" t="s">
        <v>1704</v>
      </c>
    </row>
    <row r="254" spans="1:19" s="54" customFormat="1" ht="46.5" customHeight="1" x14ac:dyDescent="0.15">
      <c r="A254" s="47" t="s">
        <v>73</v>
      </c>
      <c r="B254" s="48" t="str">
        <f>IFERROR(VLOOKUP($A254,削除禁止!$A$1:$J$42,2,0),"")</f>
        <v>通所系</v>
      </c>
      <c r="C254" s="10">
        <v>1610100693</v>
      </c>
      <c r="D254" s="10"/>
      <c r="E254" s="10"/>
      <c r="F254" s="16" t="s">
        <v>369</v>
      </c>
      <c r="G254" s="10">
        <v>20</v>
      </c>
      <c r="H254" s="10" t="s">
        <v>1790</v>
      </c>
      <c r="I254" s="16" t="s">
        <v>1686</v>
      </c>
      <c r="J254" s="10" t="s">
        <v>137</v>
      </c>
      <c r="K254" s="10" t="s">
        <v>137</v>
      </c>
      <c r="L254" s="16" t="s">
        <v>85</v>
      </c>
      <c r="M254" s="26">
        <v>39173</v>
      </c>
      <c r="N254" s="26">
        <v>45747</v>
      </c>
      <c r="O254" s="52"/>
      <c r="P254" s="52"/>
      <c r="Q254" s="52"/>
      <c r="R254" s="49" t="s">
        <v>1764</v>
      </c>
      <c r="S254" s="49" t="s">
        <v>1775</v>
      </c>
    </row>
    <row r="255" spans="1:19" s="54" customFormat="1" ht="46.5" customHeight="1" x14ac:dyDescent="0.15">
      <c r="A255" s="47" t="s">
        <v>73</v>
      </c>
      <c r="B255" s="48" t="str">
        <f>IFERROR(VLOOKUP($A255,削除禁止!$A$1:$J$42,2,0),"")</f>
        <v>通所系</v>
      </c>
      <c r="C255" s="10">
        <v>1610100701</v>
      </c>
      <c r="D255" s="10" t="s">
        <v>651</v>
      </c>
      <c r="E255" s="10"/>
      <c r="F255" s="16" t="s">
        <v>364</v>
      </c>
      <c r="G255" s="10">
        <v>30</v>
      </c>
      <c r="H255" s="10" t="s">
        <v>123</v>
      </c>
      <c r="I255" s="16" t="s">
        <v>607</v>
      </c>
      <c r="J255" s="10" t="s">
        <v>763</v>
      </c>
      <c r="K255" s="10" t="s">
        <v>655</v>
      </c>
      <c r="L255" s="16" t="s">
        <v>85</v>
      </c>
      <c r="M255" s="26">
        <v>39173</v>
      </c>
      <c r="N255" s="26">
        <v>45747</v>
      </c>
      <c r="O255" s="52"/>
      <c r="P255" s="52"/>
      <c r="Q255" s="52"/>
      <c r="R255" s="49" t="s">
        <v>1764</v>
      </c>
      <c r="S255" s="49" t="s">
        <v>1819</v>
      </c>
    </row>
    <row r="256" spans="1:19" s="54" customFormat="1" ht="46.5" customHeight="1" x14ac:dyDescent="0.15">
      <c r="A256" s="47" t="s">
        <v>73</v>
      </c>
      <c r="B256" s="48" t="str">
        <f>IFERROR(VLOOKUP($A256,削除禁止!$A$1:$J$42,2,0),"")</f>
        <v>通所系</v>
      </c>
      <c r="C256" s="10">
        <v>1610100727</v>
      </c>
      <c r="D256" s="10"/>
      <c r="E256" s="10"/>
      <c r="F256" s="16" t="s">
        <v>949</v>
      </c>
      <c r="G256" s="10">
        <v>40</v>
      </c>
      <c r="H256" s="10" t="s">
        <v>55</v>
      </c>
      <c r="I256" s="16" t="s">
        <v>402</v>
      </c>
      <c r="J256" s="10" t="s">
        <v>371</v>
      </c>
      <c r="K256" s="10" t="s">
        <v>371</v>
      </c>
      <c r="L256" s="16" t="s">
        <v>85</v>
      </c>
      <c r="M256" s="26">
        <v>39173</v>
      </c>
      <c r="N256" s="26">
        <v>45747</v>
      </c>
      <c r="O256" s="52"/>
      <c r="P256" s="52"/>
      <c r="Q256" s="52"/>
      <c r="R256" s="49" t="s">
        <v>1764</v>
      </c>
      <c r="S256" s="49" t="s">
        <v>1784</v>
      </c>
    </row>
    <row r="257" spans="1:19" s="54" customFormat="1" ht="46.5" customHeight="1" x14ac:dyDescent="0.15">
      <c r="A257" s="47" t="s">
        <v>73</v>
      </c>
      <c r="B257" s="48" t="str">
        <f>IFERROR(VLOOKUP($A257,削除禁止!$A$1:$J$42,2,0),"")</f>
        <v>通所系</v>
      </c>
      <c r="C257" s="10">
        <v>1610100735</v>
      </c>
      <c r="D257" s="10"/>
      <c r="E257" s="10"/>
      <c r="F257" s="16" t="s">
        <v>289</v>
      </c>
      <c r="G257" s="10">
        <v>20</v>
      </c>
      <c r="H257" s="10" t="s">
        <v>35</v>
      </c>
      <c r="I257" s="16" t="s">
        <v>1364</v>
      </c>
      <c r="J257" s="10" t="s">
        <v>285</v>
      </c>
      <c r="K257" s="10" t="s">
        <v>285</v>
      </c>
      <c r="L257" s="16" t="s">
        <v>867</v>
      </c>
      <c r="M257" s="26">
        <v>39173</v>
      </c>
      <c r="N257" s="26">
        <v>45747</v>
      </c>
      <c r="O257" s="52"/>
      <c r="P257" s="52"/>
      <c r="Q257" s="52"/>
      <c r="R257" s="49" t="s">
        <v>1809</v>
      </c>
      <c r="S257" s="49" t="s">
        <v>175</v>
      </c>
    </row>
    <row r="258" spans="1:19" s="54" customFormat="1" ht="46.5" customHeight="1" x14ac:dyDescent="0.15">
      <c r="A258" s="47" t="s">
        <v>73</v>
      </c>
      <c r="B258" s="48" t="str">
        <f>IFERROR(VLOOKUP($A258,削除禁止!$A$1:$J$42,2,0),"")</f>
        <v>通所系</v>
      </c>
      <c r="C258" s="10">
        <v>1610100180</v>
      </c>
      <c r="D258" s="10" t="s">
        <v>651</v>
      </c>
      <c r="E258" s="10"/>
      <c r="F258" s="16" t="s">
        <v>1255</v>
      </c>
      <c r="G258" s="10">
        <v>40</v>
      </c>
      <c r="H258" s="10" t="s">
        <v>409</v>
      </c>
      <c r="I258" s="16" t="s">
        <v>1341</v>
      </c>
      <c r="J258" s="10" t="s">
        <v>312</v>
      </c>
      <c r="K258" s="10" t="s">
        <v>423</v>
      </c>
      <c r="L258" s="16" t="s">
        <v>407</v>
      </c>
      <c r="M258" s="26">
        <v>39173</v>
      </c>
      <c r="N258" s="26">
        <v>45747</v>
      </c>
      <c r="O258" s="52"/>
      <c r="P258" s="52"/>
      <c r="Q258" s="52"/>
      <c r="R258" s="49" t="s">
        <v>1764</v>
      </c>
      <c r="S258" s="49" t="s">
        <v>1704</v>
      </c>
    </row>
    <row r="259" spans="1:19" s="54" customFormat="1" ht="46.5" customHeight="1" x14ac:dyDescent="0.15">
      <c r="A259" s="47" t="s">
        <v>73</v>
      </c>
      <c r="B259" s="48" t="str">
        <f>IFERROR(VLOOKUP($A259,削除禁止!$A$1:$J$42,2,0),"")</f>
        <v>通所系</v>
      </c>
      <c r="C259" s="10">
        <v>1610100198</v>
      </c>
      <c r="D259" s="10" t="s">
        <v>651</v>
      </c>
      <c r="E259" s="10"/>
      <c r="F259" s="16" t="s">
        <v>308</v>
      </c>
      <c r="G259" s="10">
        <v>45</v>
      </c>
      <c r="H259" s="10" t="s">
        <v>409</v>
      </c>
      <c r="I259" s="16" t="s">
        <v>67</v>
      </c>
      <c r="J259" s="10" t="s">
        <v>441</v>
      </c>
      <c r="K259" s="10" t="s">
        <v>442</v>
      </c>
      <c r="L259" s="16" t="s">
        <v>407</v>
      </c>
      <c r="M259" s="26">
        <v>39173</v>
      </c>
      <c r="N259" s="26">
        <v>45747</v>
      </c>
      <c r="O259" s="52"/>
      <c r="P259" s="52"/>
      <c r="Q259" s="52"/>
      <c r="R259" s="49" t="s">
        <v>1764</v>
      </c>
      <c r="S259" s="49" t="s">
        <v>1704</v>
      </c>
    </row>
    <row r="260" spans="1:19" s="54" customFormat="1" ht="46.5" customHeight="1" x14ac:dyDescent="0.15">
      <c r="A260" s="47" t="s">
        <v>73</v>
      </c>
      <c r="B260" s="48" t="str">
        <f>IFERROR(VLOOKUP($A260,削除禁止!$A$1:$J$42,2,0),"")</f>
        <v>通所系</v>
      </c>
      <c r="C260" s="10">
        <v>1610100677</v>
      </c>
      <c r="D260" s="10"/>
      <c r="E260" s="10"/>
      <c r="F260" s="16" t="s">
        <v>1867</v>
      </c>
      <c r="G260" s="10">
        <v>40</v>
      </c>
      <c r="H260" s="10" t="s">
        <v>340</v>
      </c>
      <c r="I260" s="16" t="s">
        <v>1350</v>
      </c>
      <c r="J260" s="10" t="s">
        <v>343</v>
      </c>
      <c r="K260" s="10" t="s">
        <v>345</v>
      </c>
      <c r="L260" s="16" t="s">
        <v>491</v>
      </c>
      <c r="M260" s="26">
        <v>39173</v>
      </c>
      <c r="N260" s="26">
        <v>45747</v>
      </c>
      <c r="O260" s="52"/>
      <c r="P260" s="52"/>
      <c r="Q260" s="52"/>
      <c r="R260" s="49" t="s">
        <v>1764</v>
      </c>
      <c r="S260" s="49" t="s">
        <v>1794</v>
      </c>
    </row>
    <row r="261" spans="1:19" s="54" customFormat="1" ht="46.5" customHeight="1" x14ac:dyDescent="0.15">
      <c r="A261" s="47" t="s">
        <v>73</v>
      </c>
      <c r="B261" s="48" t="str">
        <f>IFERROR(VLOOKUP($A261,削除禁止!$A$1:$J$42,2,0),"")</f>
        <v>通所系</v>
      </c>
      <c r="C261" s="10">
        <v>1610100750</v>
      </c>
      <c r="D261" s="10"/>
      <c r="E261" s="10"/>
      <c r="F261" s="16" t="s">
        <v>1244</v>
      </c>
      <c r="G261" s="10">
        <v>20</v>
      </c>
      <c r="H261" s="10" t="s">
        <v>78</v>
      </c>
      <c r="I261" s="16" t="s">
        <v>1365</v>
      </c>
      <c r="J261" s="10" t="s">
        <v>89</v>
      </c>
      <c r="K261" s="10" t="s">
        <v>89</v>
      </c>
      <c r="L261" s="16" t="s">
        <v>1138</v>
      </c>
      <c r="M261" s="26">
        <v>39387</v>
      </c>
      <c r="N261" s="26">
        <v>45961</v>
      </c>
      <c r="O261" s="52"/>
      <c r="P261" s="52"/>
      <c r="Q261" s="52"/>
      <c r="R261" s="49" t="s">
        <v>1764</v>
      </c>
      <c r="S261" s="49" t="s">
        <v>1823</v>
      </c>
    </row>
    <row r="262" spans="1:19" s="54" customFormat="1" ht="46.5" customHeight="1" x14ac:dyDescent="0.15">
      <c r="A262" s="47" t="s">
        <v>73</v>
      </c>
      <c r="B262" s="48" t="str">
        <f>IFERROR(VLOOKUP($A262,削除禁止!$A$1:$J$42,2,0),"")</f>
        <v>通所系</v>
      </c>
      <c r="C262" s="10">
        <v>1610100800</v>
      </c>
      <c r="D262" s="10"/>
      <c r="E262" s="10"/>
      <c r="F262" s="16" t="s">
        <v>92</v>
      </c>
      <c r="G262" s="10">
        <v>20</v>
      </c>
      <c r="H262" s="10" t="s">
        <v>18</v>
      </c>
      <c r="I262" s="16" t="s">
        <v>1367</v>
      </c>
      <c r="J262" s="10" t="s">
        <v>15</v>
      </c>
      <c r="K262" s="10" t="s">
        <v>96</v>
      </c>
      <c r="L262" s="16" t="s">
        <v>154</v>
      </c>
      <c r="M262" s="26">
        <v>39722</v>
      </c>
      <c r="N262" s="26">
        <v>46295</v>
      </c>
      <c r="O262" s="52"/>
      <c r="P262" s="52"/>
      <c r="Q262" s="52"/>
      <c r="R262" s="49" t="s">
        <v>1764</v>
      </c>
      <c r="S262" s="49" t="s">
        <v>604</v>
      </c>
    </row>
    <row r="263" spans="1:19" s="54" customFormat="1" ht="46.5" customHeight="1" x14ac:dyDescent="0.15">
      <c r="A263" s="47" t="s">
        <v>73</v>
      </c>
      <c r="B263" s="48" t="str">
        <f>IFERROR(VLOOKUP($A263,削除禁止!$A$1:$J$42,2,0),"")</f>
        <v>通所系</v>
      </c>
      <c r="C263" s="10">
        <v>1610100826</v>
      </c>
      <c r="D263" s="10"/>
      <c r="E263" s="10"/>
      <c r="F263" s="16" t="s">
        <v>552</v>
      </c>
      <c r="G263" s="10">
        <v>20</v>
      </c>
      <c r="H263" s="10" t="s">
        <v>617</v>
      </c>
      <c r="I263" s="16" t="s">
        <v>435</v>
      </c>
      <c r="J263" s="10" t="s">
        <v>548</v>
      </c>
      <c r="K263" s="10" t="s">
        <v>550</v>
      </c>
      <c r="L263" s="16" t="s">
        <v>547</v>
      </c>
      <c r="M263" s="26">
        <v>39845</v>
      </c>
      <c r="N263" s="26">
        <v>46418</v>
      </c>
      <c r="O263" s="52"/>
      <c r="P263" s="52"/>
      <c r="Q263" s="52"/>
      <c r="R263" s="49" t="s">
        <v>1808</v>
      </c>
      <c r="S263" s="49" t="s">
        <v>1767</v>
      </c>
    </row>
    <row r="264" spans="1:19" s="54" customFormat="1" ht="46.5" customHeight="1" x14ac:dyDescent="0.15">
      <c r="A264" s="47" t="s">
        <v>73</v>
      </c>
      <c r="B264" s="48" t="str">
        <f>IFERROR(VLOOKUP($A264,削除禁止!$A$1:$J$42,2,0),"")</f>
        <v>通所系</v>
      </c>
      <c r="C264" s="10">
        <v>1610100859</v>
      </c>
      <c r="D264" s="10"/>
      <c r="E264" s="10"/>
      <c r="F264" s="16" t="s">
        <v>1549</v>
      </c>
      <c r="G264" s="10">
        <v>40</v>
      </c>
      <c r="H264" s="10" t="s">
        <v>113</v>
      </c>
      <c r="I264" s="16" t="s">
        <v>1687</v>
      </c>
      <c r="J264" s="10" t="s">
        <v>283</v>
      </c>
      <c r="K264" s="10" t="s">
        <v>283</v>
      </c>
      <c r="L264" s="16" t="s">
        <v>542</v>
      </c>
      <c r="M264" s="26">
        <v>39904</v>
      </c>
      <c r="N264" s="26">
        <v>46477</v>
      </c>
      <c r="O264" s="52"/>
      <c r="P264" s="52"/>
      <c r="Q264" s="52"/>
      <c r="R264" s="49" t="s">
        <v>1764</v>
      </c>
      <c r="S264" s="49" t="s">
        <v>1520</v>
      </c>
    </row>
    <row r="265" spans="1:19" s="54" customFormat="1" ht="46.5" customHeight="1" x14ac:dyDescent="0.15">
      <c r="A265" s="47" t="s">
        <v>73</v>
      </c>
      <c r="B265" s="48" t="str">
        <f>IFERROR(VLOOKUP($A265,削除禁止!$A$1:$J$42,2,0),"")</f>
        <v>通所系</v>
      </c>
      <c r="C265" s="10">
        <v>1610100834</v>
      </c>
      <c r="D265" s="10"/>
      <c r="E265" s="10"/>
      <c r="F265" s="16" t="s">
        <v>1245</v>
      </c>
      <c r="G265" s="10">
        <v>32</v>
      </c>
      <c r="H265" s="10" t="s">
        <v>564</v>
      </c>
      <c r="I265" s="16" t="s">
        <v>1591</v>
      </c>
      <c r="J265" s="10" t="s">
        <v>106</v>
      </c>
      <c r="K265" s="10" t="s">
        <v>106</v>
      </c>
      <c r="L265" s="16" t="s">
        <v>563</v>
      </c>
      <c r="M265" s="26">
        <v>39904</v>
      </c>
      <c r="N265" s="26">
        <v>46477</v>
      </c>
      <c r="O265" s="52"/>
      <c r="P265" s="52"/>
      <c r="Q265" s="52"/>
      <c r="R265" s="49" t="s">
        <v>1809</v>
      </c>
      <c r="S265" s="49" t="s">
        <v>175</v>
      </c>
    </row>
    <row r="266" spans="1:19" s="54" customFormat="1" ht="46.5" customHeight="1" x14ac:dyDescent="0.15">
      <c r="A266" s="47" t="s">
        <v>73</v>
      </c>
      <c r="B266" s="48" t="str">
        <f>IFERROR(VLOOKUP($A266,削除禁止!$A$1:$J$42,2,0),"")</f>
        <v>通所系</v>
      </c>
      <c r="C266" s="10">
        <v>1610100958</v>
      </c>
      <c r="D266" s="10"/>
      <c r="E266" s="10"/>
      <c r="F266" s="16" t="s">
        <v>124</v>
      </c>
      <c r="G266" s="10">
        <v>40</v>
      </c>
      <c r="H266" s="10" t="s">
        <v>189</v>
      </c>
      <c r="I266" s="16" t="s">
        <v>1355</v>
      </c>
      <c r="J266" s="10" t="s">
        <v>533</v>
      </c>
      <c r="K266" s="10" t="s">
        <v>534</v>
      </c>
      <c r="L266" s="16" t="s">
        <v>532</v>
      </c>
      <c r="M266" s="26">
        <v>40269</v>
      </c>
      <c r="N266" s="26">
        <v>46843</v>
      </c>
      <c r="O266" s="52"/>
      <c r="P266" s="52"/>
      <c r="Q266" s="52"/>
      <c r="R266" s="49" t="s">
        <v>1764</v>
      </c>
      <c r="S266" s="49" t="s">
        <v>1822</v>
      </c>
    </row>
    <row r="267" spans="1:19" s="54" customFormat="1" ht="46.5" customHeight="1" x14ac:dyDescent="0.15">
      <c r="A267" s="47" t="s">
        <v>73</v>
      </c>
      <c r="B267" s="48" t="str">
        <f>IFERROR(VLOOKUP($A267,削除禁止!$A$1:$J$42,2,0),"")</f>
        <v>通所系</v>
      </c>
      <c r="C267" s="10">
        <v>1610100941</v>
      </c>
      <c r="D267" s="10"/>
      <c r="E267" s="10"/>
      <c r="F267" s="16" t="s">
        <v>1208</v>
      </c>
      <c r="G267" s="10">
        <v>20</v>
      </c>
      <c r="H267" s="10" t="s">
        <v>1227</v>
      </c>
      <c r="I267" s="16" t="s">
        <v>658</v>
      </c>
      <c r="J267" s="10" t="s">
        <v>9</v>
      </c>
      <c r="K267" s="10" t="s">
        <v>14</v>
      </c>
      <c r="L267" s="16" t="s">
        <v>541</v>
      </c>
      <c r="M267" s="26">
        <v>40269</v>
      </c>
      <c r="N267" s="26">
        <v>46843</v>
      </c>
      <c r="O267" s="52"/>
      <c r="P267" s="52"/>
      <c r="Q267" s="52"/>
      <c r="R267" s="49" t="s">
        <v>1764</v>
      </c>
      <c r="S267" s="49" t="s">
        <v>1824</v>
      </c>
    </row>
    <row r="268" spans="1:19" s="54" customFormat="1" ht="46.5" customHeight="1" x14ac:dyDescent="0.15">
      <c r="A268" s="47" t="s">
        <v>73</v>
      </c>
      <c r="B268" s="48" t="str">
        <f>IFERROR(VLOOKUP($A268,削除禁止!$A$1:$J$42,2,0),"")</f>
        <v>通所系</v>
      </c>
      <c r="C268" s="10">
        <v>1610100156</v>
      </c>
      <c r="D268" s="10" t="s">
        <v>651</v>
      </c>
      <c r="E268" s="10"/>
      <c r="F268" s="16" t="s">
        <v>471</v>
      </c>
      <c r="G268" s="10">
        <v>18</v>
      </c>
      <c r="H268" s="10" t="s">
        <v>472</v>
      </c>
      <c r="I268" s="16" t="s">
        <v>877</v>
      </c>
      <c r="J268" s="10" t="s">
        <v>473</v>
      </c>
      <c r="K268" s="10" t="s">
        <v>475</v>
      </c>
      <c r="L268" s="16" t="s">
        <v>469</v>
      </c>
      <c r="M268" s="26">
        <v>40634</v>
      </c>
      <c r="N268" s="26">
        <v>47208</v>
      </c>
      <c r="O268" s="52"/>
      <c r="P268" s="52"/>
      <c r="Q268" s="52"/>
      <c r="R268" s="49" t="s">
        <v>1809</v>
      </c>
      <c r="S268" s="49" t="s">
        <v>175</v>
      </c>
    </row>
    <row r="269" spans="1:19" s="54" customFormat="1" ht="46.5" customHeight="1" x14ac:dyDescent="0.15">
      <c r="A269" s="47" t="s">
        <v>73</v>
      </c>
      <c r="B269" s="48" t="str">
        <f>IFERROR(VLOOKUP($A269,削除禁止!$A$1:$J$42,2,0),"")</f>
        <v>通所系</v>
      </c>
      <c r="C269" s="10">
        <v>1610101071</v>
      </c>
      <c r="D269" s="10" t="s">
        <v>651</v>
      </c>
      <c r="E269" s="10"/>
      <c r="F269" s="16" t="s">
        <v>518</v>
      </c>
      <c r="G269" s="10">
        <v>14</v>
      </c>
      <c r="H269" s="10" t="s">
        <v>217</v>
      </c>
      <c r="I269" s="16" t="s">
        <v>1793</v>
      </c>
      <c r="J269" s="10" t="s">
        <v>56</v>
      </c>
      <c r="K269" s="10" t="s">
        <v>56</v>
      </c>
      <c r="L269" s="16" t="s">
        <v>515</v>
      </c>
      <c r="M269" s="26">
        <v>40634</v>
      </c>
      <c r="N269" s="26">
        <v>47208</v>
      </c>
      <c r="O269" s="52"/>
      <c r="P269" s="52"/>
      <c r="Q269" s="52"/>
      <c r="R269" s="49" t="s">
        <v>1764</v>
      </c>
      <c r="S269" s="49" t="s">
        <v>1794</v>
      </c>
    </row>
    <row r="270" spans="1:19" s="54" customFormat="1" ht="46.5" customHeight="1" x14ac:dyDescent="0.15">
      <c r="A270" s="47" t="s">
        <v>73</v>
      </c>
      <c r="B270" s="48" t="str">
        <f>IFERROR(VLOOKUP($A270,削除禁止!$A$1:$J$42,2,0),"")</f>
        <v>通所系</v>
      </c>
      <c r="C270" s="10">
        <v>1610101154</v>
      </c>
      <c r="D270" s="10"/>
      <c r="E270" s="10"/>
      <c r="F270" s="16" t="s">
        <v>115</v>
      </c>
      <c r="G270" s="10">
        <v>20</v>
      </c>
      <c r="H270" s="10" t="s">
        <v>136</v>
      </c>
      <c r="I270" s="16" t="s">
        <v>1169</v>
      </c>
      <c r="J270" s="10" t="s">
        <v>295</v>
      </c>
      <c r="K270" s="10" t="s">
        <v>297</v>
      </c>
      <c r="L270" s="16" t="s">
        <v>452</v>
      </c>
      <c r="M270" s="26">
        <v>40969</v>
      </c>
      <c r="N270" s="26">
        <v>47542</v>
      </c>
      <c r="O270" s="52"/>
      <c r="P270" s="52"/>
      <c r="Q270" s="52"/>
      <c r="R270" s="49" t="s">
        <v>1810</v>
      </c>
      <c r="S270" s="49" t="s">
        <v>1837</v>
      </c>
    </row>
    <row r="271" spans="1:19" s="54" customFormat="1" ht="46.5" customHeight="1" x14ac:dyDescent="0.15">
      <c r="A271" s="47" t="s">
        <v>73</v>
      </c>
      <c r="B271" s="48" t="str">
        <f>IFERROR(VLOOKUP($A271,削除禁止!$A$1:$J$42,2,0),"")</f>
        <v>通所系</v>
      </c>
      <c r="C271" s="10">
        <v>1610101170</v>
      </c>
      <c r="D271" s="10"/>
      <c r="E271" s="10"/>
      <c r="F271" s="16" t="s">
        <v>385</v>
      </c>
      <c r="G271" s="10">
        <v>20</v>
      </c>
      <c r="H271" s="10" t="s">
        <v>1541</v>
      </c>
      <c r="I271" s="16" t="s">
        <v>1330</v>
      </c>
      <c r="J271" s="10" t="s">
        <v>267</v>
      </c>
      <c r="K271" s="10" t="s">
        <v>276</v>
      </c>
      <c r="L271" s="16" t="s">
        <v>279</v>
      </c>
      <c r="M271" s="26">
        <v>41000</v>
      </c>
      <c r="N271" s="26">
        <v>47573</v>
      </c>
      <c r="O271" s="52"/>
      <c r="P271" s="52"/>
      <c r="Q271" s="52"/>
      <c r="R271" s="49" t="s">
        <v>1808</v>
      </c>
      <c r="S271" s="49" t="s">
        <v>1767</v>
      </c>
    </row>
    <row r="272" spans="1:19" s="54" customFormat="1" ht="46.5" customHeight="1" x14ac:dyDescent="0.15">
      <c r="A272" s="47" t="s">
        <v>73</v>
      </c>
      <c r="B272" s="48" t="str">
        <f>IFERROR(VLOOKUP($A272,削除禁止!$A$1:$J$42,2,0),"")</f>
        <v>通所系</v>
      </c>
      <c r="C272" s="10">
        <v>1610100057</v>
      </c>
      <c r="D272" s="10" t="s">
        <v>651</v>
      </c>
      <c r="E272" s="10"/>
      <c r="F272" s="16" t="s">
        <v>358</v>
      </c>
      <c r="G272" s="10">
        <v>34</v>
      </c>
      <c r="H272" s="10" t="s">
        <v>479</v>
      </c>
      <c r="I272" s="16" t="s">
        <v>1329</v>
      </c>
      <c r="J272" s="10" t="s">
        <v>486</v>
      </c>
      <c r="K272" s="10" t="s">
        <v>455</v>
      </c>
      <c r="L272" s="16" t="s">
        <v>389</v>
      </c>
      <c r="M272" s="26">
        <v>41000</v>
      </c>
      <c r="N272" s="26">
        <v>47573</v>
      </c>
      <c r="O272" s="52"/>
      <c r="P272" s="52"/>
      <c r="Q272" s="52"/>
      <c r="R272" s="49" t="s">
        <v>1764</v>
      </c>
      <c r="S272" s="49" t="s">
        <v>192</v>
      </c>
    </row>
    <row r="273" spans="1:19" s="54" customFormat="1" ht="46.5" customHeight="1" x14ac:dyDescent="0.15">
      <c r="A273" s="47" t="s">
        <v>73</v>
      </c>
      <c r="B273" s="48" t="str">
        <f>IFERROR(VLOOKUP($A273,削除禁止!$A$1:$J$42,2,0),"")</f>
        <v>通所系</v>
      </c>
      <c r="C273" s="10">
        <v>1610101303</v>
      </c>
      <c r="D273" s="10" t="s">
        <v>651</v>
      </c>
      <c r="E273" s="10"/>
      <c r="F273" s="16" t="s">
        <v>45</v>
      </c>
      <c r="G273" s="10">
        <v>20</v>
      </c>
      <c r="H273" s="10" t="s">
        <v>670</v>
      </c>
      <c r="I273" s="16" t="s">
        <v>625</v>
      </c>
      <c r="J273" s="10" t="s">
        <v>671</v>
      </c>
      <c r="K273" s="10" t="s">
        <v>675</v>
      </c>
      <c r="L273" s="16" t="s">
        <v>879</v>
      </c>
      <c r="M273" s="26">
        <v>41348</v>
      </c>
      <c r="N273" s="26">
        <v>45730</v>
      </c>
      <c r="O273" s="52"/>
      <c r="P273" s="52"/>
      <c r="Q273" s="52"/>
      <c r="R273" s="49" t="s">
        <v>1764</v>
      </c>
      <c r="S273" s="49" t="s">
        <v>1824</v>
      </c>
    </row>
    <row r="274" spans="1:19" s="54" customFormat="1" ht="46.5" customHeight="1" x14ac:dyDescent="0.15">
      <c r="A274" s="47" t="s">
        <v>73</v>
      </c>
      <c r="B274" s="48" t="str">
        <f>IFERROR(VLOOKUP($A274,削除禁止!$A$1:$J$42,2,0),"")</f>
        <v>通所系</v>
      </c>
      <c r="C274" s="10">
        <v>1610101311</v>
      </c>
      <c r="D274" s="10"/>
      <c r="E274" s="10"/>
      <c r="F274" s="16" t="s">
        <v>1194</v>
      </c>
      <c r="G274" s="10">
        <v>25</v>
      </c>
      <c r="H274" s="10" t="s">
        <v>208</v>
      </c>
      <c r="I274" s="16" t="s">
        <v>1327</v>
      </c>
      <c r="J274" s="10" t="s">
        <v>676</v>
      </c>
      <c r="K274" s="10" t="s">
        <v>676</v>
      </c>
      <c r="L274" s="16" t="s">
        <v>551</v>
      </c>
      <c r="M274" s="26">
        <v>41362</v>
      </c>
      <c r="N274" s="26">
        <v>45747</v>
      </c>
      <c r="O274" s="52"/>
      <c r="P274" s="52"/>
      <c r="Q274" s="52"/>
      <c r="R274" s="49" t="s">
        <v>1764</v>
      </c>
      <c r="S274" s="49" t="s">
        <v>1527</v>
      </c>
    </row>
    <row r="275" spans="1:19" s="54" customFormat="1" ht="46.5" customHeight="1" x14ac:dyDescent="0.15">
      <c r="A275" s="47" t="s">
        <v>73</v>
      </c>
      <c r="B275" s="48" t="str">
        <f>IFERROR(VLOOKUP($A275,削除禁止!$A$1:$J$42,2,0),"")</f>
        <v>通所系</v>
      </c>
      <c r="C275" s="10">
        <v>1610101352</v>
      </c>
      <c r="D275" s="10" t="s">
        <v>651</v>
      </c>
      <c r="E275" s="10"/>
      <c r="F275" s="16" t="s">
        <v>714</v>
      </c>
      <c r="G275" s="10">
        <v>20</v>
      </c>
      <c r="H275" s="10" t="s">
        <v>360</v>
      </c>
      <c r="I275" s="16" t="s">
        <v>1340</v>
      </c>
      <c r="J275" s="10" t="s">
        <v>711</v>
      </c>
      <c r="K275" s="10" t="s">
        <v>49</v>
      </c>
      <c r="L275" s="16" t="s">
        <v>452</v>
      </c>
      <c r="M275" s="26">
        <v>41425</v>
      </c>
      <c r="N275" s="26">
        <v>45807</v>
      </c>
      <c r="O275" s="52"/>
      <c r="P275" s="52"/>
      <c r="Q275" s="52"/>
      <c r="R275" s="49" t="s">
        <v>1008</v>
      </c>
      <c r="S275" s="49" t="s">
        <v>1836</v>
      </c>
    </row>
    <row r="276" spans="1:19" s="54" customFormat="1" ht="46.5" customHeight="1" x14ac:dyDescent="0.15">
      <c r="A276" s="47" t="s">
        <v>73</v>
      </c>
      <c r="B276" s="48" t="str">
        <f>IFERROR(VLOOKUP($A276,削除禁止!$A$1:$J$42,2,0),"")</f>
        <v>通所系</v>
      </c>
      <c r="C276" s="10">
        <v>1610101402</v>
      </c>
      <c r="D276" s="10"/>
      <c r="E276" s="10"/>
      <c r="F276" s="16" t="s">
        <v>717</v>
      </c>
      <c r="G276" s="10">
        <v>20</v>
      </c>
      <c r="H276" s="10" t="s">
        <v>123</v>
      </c>
      <c r="I276" s="16" t="s">
        <v>1002</v>
      </c>
      <c r="J276" s="10" t="s">
        <v>735</v>
      </c>
      <c r="K276" s="10" t="s">
        <v>735</v>
      </c>
      <c r="L276" s="16" t="s">
        <v>541</v>
      </c>
      <c r="M276" s="26">
        <v>41730</v>
      </c>
      <c r="N276" s="26">
        <v>46112</v>
      </c>
      <c r="O276" s="52"/>
      <c r="P276" s="52"/>
      <c r="Q276" s="52"/>
      <c r="R276" s="49" t="s">
        <v>1764</v>
      </c>
      <c r="S276" s="49" t="s">
        <v>1819</v>
      </c>
    </row>
    <row r="277" spans="1:19" s="54" customFormat="1" ht="46.5" customHeight="1" x14ac:dyDescent="0.15">
      <c r="A277" s="47" t="s">
        <v>73</v>
      </c>
      <c r="B277" s="48" t="str">
        <f>IFERROR(VLOOKUP($A277,削除禁止!$A$1:$J$42,2,0),"")</f>
        <v>通所系</v>
      </c>
      <c r="C277" s="10">
        <v>1610101436</v>
      </c>
      <c r="D277" s="10"/>
      <c r="E277" s="10"/>
      <c r="F277" s="16" t="s">
        <v>1171</v>
      </c>
      <c r="G277" s="10">
        <v>20</v>
      </c>
      <c r="H277" s="10" t="s">
        <v>674</v>
      </c>
      <c r="I277" s="16" t="s">
        <v>731</v>
      </c>
      <c r="J277" s="10" t="s">
        <v>149</v>
      </c>
      <c r="K277" s="10" t="s">
        <v>149</v>
      </c>
      <c r="L277" s="16" t="s">
        <v>1124</v>
      </c>
      <c r="M277" s="26">
        <v>41760</v>
      </c>
      <c r="N277" s="26">
        <v>46142</v>
      </c>
      <c r="O277" s="52"/>
      <c r="P277" s="52"/>
      <c r="Q277" s="52"/>
      <c r="R277" s="49" t="s">
        <v>1764</v>
      </c>
      <c r="S277" s="49" t="s">
        <v>1527</v>
      </c>
    </row>
    <row r="278" spans="1:19" s="54" customFormat="1" ht="46.5" customHeight="1" x14ac:dyDescent="0.15">
      <c r="A278" s="47" t="s">
        <v>73</v>
      </c>
      <c r="B278" s="48" t="str">
        <f>IFERROR(VLOOKUP($A278,削除禁止!$A$1:$J$42,2,0),"")</f>
        <v>通所系</v>
      </c>
      <c r="C278" s="10">
        <v>1610101485</v>
      </c>
      <c r="D278" s="10" t="s">
        <v>651</v>
      </c>
      <c r="E278" s="10"/>
      <c r="F278" s="51" t="s">
        <v>914</v>
      </c>
      <c r="G278" s="10">
        <v>10</v>
      </c>
      <c r="H278" s="10" t="s">
        <v>236</v>
      </c>
      <c r="I278" s="16" t="s">
        <v>1345</v>
      </c>
      <c r="J278" s="10" t="s">
        <v>374</v>
      </c>
      <c r="K278" s="10" t="s">
        <v>101</v>
      </c>
      <c r="L278" s="16" t="s">
        <v>879</v>
      </c>
      <c r="M278" s="26">
        <v>41883</v>
      </c>
      <c r="N278" s="26">
        <v>46265</v>
      </c>
      <c r="O278" s="52"/>
      <c r="P278" s="52"/>
      <c r="Q278" s="52"/>
      <c r="R278" s="49" t="s">
        <v>1764</v>
      </c>
      <c r="S278" s="49" t="s">
        <v>562</v>
      </c>
    </row>
    <row r="279" spans="1:19" s="54" customFormat="1" ht="46.5" customHeight="1" x14ac:dyDescent="0.15">
      <c r="A279" s="47" t="s">
        <v>73</v>
      </c>
      <c r="B279" s="48" t="str">
        <f>IFERROR(VLOOKUP($A279,削除禁止!$A$1:$J$42,2,0),"")</f>
        <v>通所系</v>
      </c>
      <c r="C279" s="10">
        <v>1610101543</v>
      </c>
      <c r="D279" s="10"/>
      <c r="E279" s="10"/>
      <c r="F279" s="16" t="s">
        <v>1106</v>
      </c>
      <c r="G279" s="10">
        <v>20</v>
      </c>
      <c r="H279" s="10" t="s">
        <v>747</v>
      </c>
      <c r="I279" s="16" t="s">
        <v>1369</v>
      </c>
      <c r="J279" s="10" t="s">
        <v>751</v>
      </c>
      <c r="K279" s="10" t="s">
        <v>751</v>
      </c>
      <c r="L279" s="16" t="s">
        <v>109</v>
      </c>
      <c r="M279" s="26">
        <v>41944</v>
      </c>
      <c r="N279" s="26">
        <v>46326</v>
      </c>
      <c r="O279" s="52"/>
      <c r="P279" s="52"/>
      <c r="Q279" s="52"/>
      <c r="R279" s="49" t="s">
        <v>1764</v>
      </c>
      <c r="S279" s="49" t="s">
        <v>1775</v>
      </c>
    </row>
    <row r="280" spans="1:19" s="54" customFormat="1" ht="46.5" customHeight="1" x14ac:dyDescent="0.15">
      <c r="A280" s="47" t="s">
        <v>73</v>
      </c>
      <c r="B280" s="48" t="str">
        <f>IFERROR(VLOOKUP($A280,削除禁止!$A$1:$J$42,2,0),"")</f>
        <v>通所系</v>
      </c>
      <c r="C280" s="10">
        <v>1610100719</v>
      </c>
      <c r="D280" s="10" t="s">
        <v>651</v>
      </c>
      <c r="E280" s="10"/>
      <c r="F280" s="16" t="s">
        <v>1181</v>
      </c>
      <c r="G280" s="10">
        <v>14</v>
      </c>
      <c r="H280" s="10" t="s">
        <v>1541</v>
      </c>
      <c r="I280" s="16" t="s">
        <v>1330</v>
      </c>
      <c r="J280" s="10" t="s">
        <v>267</v>
      </c>
      <c r="K280" s="10" t="s">
        <v>276</v>
      </c>
      <c r="L280" s="16" t="s">
        <v>279</v>
      </c>
      <c r="M280" s="26">
        <v>42095</v>
      </c>
      <c r="N280" s="26">
        <v>46477</v>
      </c>
      <c r="O280" s="52"/>
      <c r="P280" s="52"/>
      <c r="Q280" s="52"/>
      <c r="R280" s="49" t="s">
        <v>1808</v>
      </c>
      <c r="S280" s="49" t="s">
        <v>1767</v>
      </c>
    </row>
    <row r="281" spans="1:19" s="54" customFormat="1" ht="46.5" customHeight="1" x14ac:dyDescent="0.15">
      <c r="A281" s="47" t="s">
        <v>73</v>
      </c>
      <c r="B281" s="48" t="str">
        <f>IFERROR(VLOOKUP($A281,削除禁止!$A$1:$J$42,2,0),"")</f>
        <v>通所系</v>
      </c>
      <c r="C281" s="10">
        <v>1610101204</v>
      </c>
      <c r="D281" s="10" t="s">
        <v>651</v>
      </c>
      <c r="E281" s="10"/>
      <c r="F281" s="16" t="s">
        <v>20</v>
      </c>
      <c r="G281" s="10">
        <v>12</v>
      </c>
      <c r="H281" s="10" t="s">
        <v>217</v>
      </c>
      <c r="I281" s="16" t="s">
        <v>1749</v>
      </c>
      <c r="J281" s="10" t="s">
        <v>666</v>
      </c>
      <c r="K281" s="10" t="s">
        <v>1222</v>
      </c>
      <c r="L281" s="16" t="s">
        <v>804</v>
      </c>
      <c r="M281" s="26">
        <v>42979</v>
      </c>
      <c r="N281" s="26">
        <v>47361</v>
      </c>
      <c r="O281" s="52"/>
      <c r="P281" s="52"/>
      <c r="Q281" s="52"/>
      <c r="R281" s="49" t="s">
        <v>1764</v>
      </c>
      <c r="S281" s="49" t="s">
        <v>1794</v>
      </c>
    </row>
    <row r="282" spans="1:19" s="54" customFormat="1" ht="46.5" customHeight="1" x14ac:dyDescent="0.15">
      <c r="A282" s="47" t="s">
        <v>73</v>
      </c>
      <c r="B282" s="48" t="str">
        <f>IFERROR(VLOOKUP($A282,削除禁止!$A$1:$J$42,2,0),"")</f>
        <v>通所系</v>
      </c>
      <c r="C282" s="10">
        <v>1610101196</v>
      </c>
      <c r="D282" s="10" t="s">
        <v>651</v>
      </c>
      <c r="E282" s="10"/>
      <c r="F282" s="16" t="s">
        <v>457</v>
      </c>
      <c r="G282" s="10">
        <v>10</v>
      </c>
      <c r="H282" s="10" t="s">
        <v>302</v>
      </c>
      <c r="I282" s="16" t="s">
        <v>11</v>
      </c>
      <c r="J282" s="10" t="s">
        <v>876</v>
      </c>
      <c r="K282" s="10" t="s">
        <v>305</v>
      </c>
      <c r="L282" s="16" t="s">
        <v>453</v>
      </c>
      <c r="M282" s="26">
        <v>43191</v>
      </c>
      <c r="N282" s="26">
        <v>47573</v>
      </c>
      <c r="O282" s="52"/>
      <c r="P282" s="52"/>
      <c r="Q282" s="52"/>
      <c r="R282" s="49" t="s">
        <v>1808</v>
      </c>
      <c r="S282" s="49" t="s">
        <v>1832</v>
      </c>
    </row>
    <row r="283" spans="1:19" s="54" customFormat="1" ht="46.5" customHeight="1" x14ac:dyDescent="0.15">
      <c r="A283" s="47" t="s">
        <v>73</v>
      </c>
      <c r="B283" s="48" t="str">
        <f>IFERROR(VLOOKUP($A283,削除禁止!$A$1:$J$42,2,0),"")</f>
        <v>通所系</v>
      </c>
      <c r="C283" s="10">
        <v>1610102236</v>
      </c>
      <c r="D283" s="10"/>
      <c r="E283" s="10"/>
      <c r="F283" s="16" t="s">
        <v>1175</v>
      </c>
      <c r="G283" s="10">
        <v>20</v>
      </c>
      <c r="H283" s="10" t="s">
        <v>189</v>
      </c>
      <c r="I283" s="16" t="s">
        <v>1355</v>
      </c>
      <c r="J283" s="10" t="s">
        <v>767</v>
      </c>
      <c r="K283" s="10" t="s">
        <v>322</v>
      </c>
      <c r="L283" s="16" t="s">
        <v>1130</v>
      </c>
      <c r="M283" s="26">
        <v>43282</v>
      </c>
      <c r="N283" s="26">
        <v>45473</v>
      </c>
      <c r="O283" s="52"/>
      <c r="P283" s="52"/>
      <c r="Q283" s="52"/>
      <c r="R283" s="49" t="s">
        <v>1764</v>
      </c>
      <c r="S283" s="49" t="s">
        <v>1822</v>
      </c>
    </row>
    <row r="284" spans="1:19" s="54" customFormat="1" ht="46.5" customHeight="1" x14ac:dyDescent="0.15">
      <c r="A284" s="47" t="s">
        <v>73</v>
      </c>
      <c r="B284" s="48" t="str">
        <f>IFERROR(VLOOKUP($A284,削除禁止!$A$1:$J$42,2,0),"")</f>
        <v>通所系</v>
      </c>
      <c r="C284" s="10">
        <v>1610102319</v>
      </c>
      <c r="D284" s="10" t="s">
        <v>651</v>
      </c>
      <c r="E284" s="10"/>
      <c r="F284" s="51" t="s">
        <v>1172</v>
      </c>
      <c r="G284" s="10">
        <v>14</v>
      </c>
      <c r="H284" s="10" t="s">
        <v>488</v>
      </c>
      <c r="I284" s="16" t="s">
        <v>1357</v>
      </c>
      <c r="J284" s="10" t="s">
        <v>383</v>
      </c>
      <c r="K284" s="10" t="s">
        <v>102</v>
      </c>
      <c r="L284" s="16" t="s">
        <v>1111</v>
      </c>
      <c r="M284" s="26">
        <v>43344</v>
      </c>
      <c r="N284" s="26">
        <v>45535</v>
      </c>
      <c r="O284" s="52"/>
      <c r="P284" s="52"/>
      <c r="Q284" s="52"/>
      <c r="R284" s="49" t="s">
        <v>1764</v>
      </c>
      <c r="S284" s="49" t="s">
        <v>1819</v>
      </c>
    </row>
    <row r="285" spans="1:19" s="54" customFormat="1" ht="46.5" customHeight="1" x14ac:dyDescent="0.15">
      <c r="A285" s="47" t="s">
        <v>73</v>
      </c>
      <c r="B285" s="48" t="str">
        <f>IFERROR(VLOOKUP($A285,削除禁止!$A$1:$J$42,2,0),"")</f>
        <v>通所系</v>
      </c>
      <c r="C285" s="10">
        <v>1610102301</v>
      </c>
      <c r="D285" s="10"/>
      <c r="E285" s="10"/>
      <c r="F285" s="16" t="s">
        <v>1733</v>
      </c>
      <c r="G285" s="10">
        <v>20</v>
      </c>
      <c r="H285" s="10" t="s">
        <v>466</v>
      </c>
      <c r="I285" s="16" t="s">
        <v>1303</v>
      </c>
      <c r="J285" s="10" t="s">
        <v>114</v>
      </c>
      <c r="K285" s="10" t="s">
        <v>406</v>
      </c>
      <c r="L285" s="16" t="s">
        <v>438</v>
      </c>
      <c r="M285" s="26">
        <v>43344</v>
      </c>
      <c r="N285" s="26">
        <v>45535</v>
      </c>
      <c r="O285" s="52"/>
      <c r="P285" s="52"/>
      <c r="Q285" s="52"/>
      <c r="R285" s="49" t="s">
        <v>1764</v>
      </c>
      <c r="S285" s="49" t="s">
        <v>366</v>
      </c>
    </row>
    <row r="286" spans="1:19" s="54" customFormat="1" ht="46.5" customHeight="1" x14ac:dyDescent="0.15">
      <c r="A286" s="47" t="s">
        <v>73</v>
      </c>
      <c r="B286" s="48" t="str">
        <f>IFERROR(VLOOKUP($A286,削除禁止!$A$1:$J$42,2,0),"")</f>
        <v>通所系</v>
      </c>
      <c r="C286" s="10">
        <v>1610102350</v>
      </c>
      <c r="D286" s="10"/>
      <c r="E286" s="10"/>
      <c r="F286" s="16" t="s">
        <v>1173</v>
      </c>
      <c r="G286" s="10">
        <v>20</v>
      </c>
      <c r="H286" s="10" t="s">
        <v>780</v>
      </c>
      <c r="I286" s="16" t="s">
        <v>190</v>
      </c>
      <c r="J286" s="10" t="s">
        <v>538</v>
      </c>
      <c r="K286" s="10" t="s">
        <v>739</v>
      </c>
      <c r="L286" s="16" t="s">
        <v>1614</v>
      </c>
      <c r="M286" s="26">
        <v>43466</v>
      </c>
      <c r="N286" s="26">
        <v>45657</v>
      </c>
      <c r="O286" s="52"/>
      <c r="P286" s="52"/>
      <c r="Q286" s="52"/>
      <c r="R286" s="49" t="s">
        <v>1764</v>
      </c>
      <c r="S286" s="49" t="s">
        <v>1624</v>
      </c>
    </row>
    <row r="287" spans="1:19" s="54" customFormat="1" ht="46.5" customHeight="1" x14ac:dyDescent="0.15">
      <c r="A287" s="47" t="s">
        <v>73</v>
      </c>
      <c r="B287" s="48" t="str">
        <f>IFERROR(VLOOKUP($A287,削除禁止!$A$1:$J$42,2,0),"")</f>
        <v>通所系</v>
      </c>
      <c r="C287" s="10">
        <v>1610102343</v>
      </c>
      <c r="D287" s="10" t="s">
        <v>651</v>
      </c>
      <c r="E287" s="10"/>
      <c r="F287" s="16" t="s">
        <v>376</v>
      </c>
      <c r="G287" s="10">
        <v>10</v>
      </c>
      <c r="H287" s="10" t="s">
        <v>367</v>
      </c>
      <c r="I287" s="16" t="s">
        <v>1641</v>
      </c>
      <c r="J287" s="10" t="s">
        <v>210</v>
      </c>
      <c r="K287" s="10" t="s">
        <v>271</v>
      </c>
      <c r="L287" s="16" t="s">
        <v>376</v>
      </c>
      <c r="M287" s="26">
        <v>43556</v>
      </c>
      <c r="N287" s="26">
        <v>45747</v>
      </c>
      <c r="O287" s="52"/>
      <c r="P287" s="52"/>
      <c r="Q287" s="52"/>
      <c r="R287" s="49" t="s">
        <v>1764</v>
      </c>
      <c r="S287" s="49" t="s">
        <v>1525</v>
      </c>
    </row>
    <row r="288" spans="1:19" s="54" customFormat="1" ht="46.5" customHeight="1" x14ac:dyDescent="0.15">
      <c r="A288" s="47" t="s">
        <v>73</v>
      </c>
      <c r="B288" s="48" t="str">
        <f>IFERROR(VLOOKUP($A288,削除禁止!$A$1:$J$42,2,0),"")</f>
        <v>通所系</v>
      </c>
      <c r="C288" s="10">
        <v>1610102533</v>
      </c>
      <c r="D288" s="10"/>
      <c r="E288" s="10"/>
      <c r="F288" s="16" t="s">
        <v>1215</v>
      </c>
      <c r="G288" s="10">
        <v>40</v>
      </c>
      <c r="H288" s="10" t="s">
        <v>1925</v>
      </c>
      <c r="I288" s="16" t="s">
        <v>1937</v>
      </c>
      <c r="J288" s="10" t="s">
        <v>901</v>
      </c>
      <c r="K288" s="10" t="s">
        <v>6</v>
      </c>
      <c r="L288" s="16" t="s">
        <v>635</v>
      </c>
      <c r="M288" s="26">
        <v>43922</v>
      </c>
      <c r="N288" s="26">
        <v>46112</v>
      </c>
      <c r="O288" s="52"/>
      <c r="P288" s="52"/>
      <c r="Q288" s="52"/>
      <c r="R288" s="49" t="s">
        <v>1764</v>
      </c>
      <c r="S288" s="49" t="s">
        <v>1640</v>
      </c>
    </row>
    <row r="289" spans="1:19" s="54" customFormat="1" ht="46.5" customHeight="1" x14ac:dyDescent="0.15">
      <c r="A289" s="47" t="s">
        <v>73</v>
      </c>
      <c r="B289" s="48" t="str">
        <f>IFERROR(VLOOKUP($A289,削除禁止!$A$1:$J$42,2,0),"")</f>
        <v>通所系</v>
      </c>
      <c r="C289" s="10">
        <v>1610102525</v>
      </c>
      <c r="D289" s="10"/>
      <c r="E289" s="10"/>
      <c r="F289" s="16" t="s">
        <v>789</v>
      </c>
      <c r="G289" s="10">
        <v>20</v>
      </c>
      <c r="H289" s="10" t="s">
        <v>1057</v>
      </c>
      <c r="I289" s="16" t="s">
        <v>1768</v>
      </c>
      <c r="J289" s="10" t="s">
        <v>855</v>
      </c>
      <c r="K289" s="10" t="s">
        <v>17</v>
      </c>
      <c r="L289" s="16" t="s">
        <v>269</v>
      </c>
      <c r="M289" s="26">
        <v>43922</v>
      </c>
      <c r="N289" s="26">
        <v>46112</v>
      </c>
      <c r="O289" s="52"/>
      <c r="P289" s="52"/>
      <c r="Q289" s="52"/>
      <c r="R289" s="49" t="s">
        <v>1764</v>
      </c>
      <c r="S289" s="49" t="s">
        <v>1571</v>
      </c>
    </row>
    <row r="290" spans="1:19" s="53" customFormat="1" ht="46.5" customHeight="1" x14ac:dyDescent="0.15">
      <c r="A290" s="47" t="s">
        <v>73</v>
      </c>
      <c r="B290" s="48" t="str">
        <f>IFERROR(VLOOKUP($A290,削除禁止!$A$1:$J$42,2,0),"")</f>
        <v>通所系</v>
      </c>
      <c r="C290" s="10">
        <v>1610102517</v>
      </c>
      <c r="D290" s="10" t="s">
        <v>651</v>
      </c>
      <c r="E290" s="10"/>
      <c r="F290" s="51" t="s">
        <v>887</v>
      </c>
      <c r="G290" s="10">
        <v>10</v>
      </c>
      <c r="H290" s="10" t="s">
        <v>910</v>
      </c>
      <c r="I290" s="16" t="s">
        <v>865</v>
      </c>
      <c r="J290" s="10" t="s">
        <v>911</v>
      </c>
      <c r="K290" s="10" t="s">
        <v>918</v>
      </c>
      <c r="L290" s="16" t="s">
        <v>879</v>
      </c>
      <c r="M290" s="26">
        <v>43948</v>
      </c>
      <c r="N290" s="26">
        <v>46138</v>
      </c>
      <c r="O290" s="52"/>
      <c r="P290" s="52"/>
      <c r="Q290" s="52"/>
      <c r="R290" s="49" t="s">
        <v>1764</v>
      </c>
      <c r="S290" s="49" t="s">
        <v>1817</v>
      </c>
    </row>
    <row r="291" spans="1:19" s="54" customFormat="1" ht="46.5" customHeight="1" x14ac:dyDescent="0.15">
      <c r="A291" s="47" t="s">
        <v>73</v>
      </c>
      <c r="B291" s="48" t="str">
        <f>IFERROR(VLOOKUP($A291,削除禁止!$A$1:$J$42,2,0),"")</f>
        <v>通所系</v>
      </c>
      <c r="C291" s="10">
        <v>1610101949</v>
      </c>
      <c r="D291" s="10" t="s">
        <v>651</v>
      </c>
      <c r="E291" s="10"/>
      <c r="F291" s="16" t="s">
        <v>889</v>
      </c>
      <c r="G291" s="10">
        <v>11</v>
      </c>
      <c r="H291" s="10" t="s">
        <v>788</v>
      </c>
      <c r="I291" s="16" t="s">
        <v>1349</v>
      </c>
      <c r="J291" s="10" t="s">
        <v>234</v>
      </c>
      <c r="K291" s="10" t="s">
        <v>51</v>
      </c>
      <c r="L291" s="16" t="s">
        <v>380</v>
      </c>
      <c r="M291" s="26">
        <v>43983</v>
      </c>
      <c r="N291" s="26">
        <v>46173</v>
      </c>
      <c r="O291" s="52"/>
      <c r="P291" s="52"/>
      <c r="Q291" s="52"/>
      <c r="R291" s="49" t="s">
        <v>1764</v>
      </c>
      <c r="S291" s="49" t="s">
        <v>1820</v>
      </c>
    </row>
    <row r="292" spans="1:19" s="54" customFormat="1" ht="46.5" customHeight="1" x14ac:dyDescent="0.15">
      <c r="A292" s="47" t="s">
        <v>73</v>
      </c>
      <c r="B292" s="48" t="str">
        <f>IFERROR(VLOOKUP($A292,削除禁止!$A$1:$J$42,2,0),"")</f>
        <v>通所系</v>
      </c>
      <c r="C292" s="10">
        <v>1610101444</v>
      </c>
      <c r="D292" s="10" t="s">
        <v>651</v>
      </c>
      <c r="E292" s="10"/>
      <c r="F292" s="16" t="s">
        <v>1206</v>
      </c>
      <c r="G292" s="10">
        <v>15</v>
      </c>
      <c r="H292" s="10" t="s">
        <v>479</v>
      </c>
      <c r="I292" s="16" t="s">
        <v>1761</v>
      </c>
      <c r="J292" s="10" t="s">
        <v>733</v>
      </c>
      <c r="K292" s="10" t="s">
        <v>803</v>
      </c>
      <c r="L292" s="16" t="s">
        <v>372</v>
      </c>
      <c r="M292" s="26">
        <v>44256</v>
      </c>
      <c r="N292" s="26">
        <v>46446</v>
      </c>
      <c r="O292" s="52"/>
      <c r="P292" s="52"/>
      <c r="Q292" s="52"/>
      <c r="R292" s="49" t="s">
        <v>1764</v>
      </c>
      <c r="S292" s="49" t="s">
        <v>1775</v>
      </c>
    </row>
    <row r="293" spans="1:19" s="54" customFormat="1" ht="46.5" customHeight="1" x14ac:dyDescent="0.15">
      <c r="A293" s="47" t="s">
        <v>73</v>
      </c>
      <c r="B293" s="48" t="str">
        <f>IFERROR(VLOOKUP($A293,削除禁止!$A$1:$J$42,2,0),"")</f>
        <v>通所系</v>
      </c>
      <c r="C293" s="10">
        <v>1610102616</v>
      </c>
      <c r="D293" s="10" t="s">
        <v>651</v>
      </c>
      <c r="E293" s="10"/>
      <c r="F293" s="16" t="s">
        <v>1226</v>
      </c>
      <c r="G293" s="10">
        <v>14</v>
      </c>
      <c r="H293" s="10" t="s">
        <v>668</v>
      </c>
      <c r="I293" s="16" t="s">
        <v>1352</v>
      </c>
      <c r="J293" s="10" t="s">
        <v>529</v>
      </c>
      <c r="K293" s="10" t="s">
        <v>119</v>
      </c>
      <c r="L293" s="16" t="s">
        <v>1578</v>
      </c>
      <c r="M293" s="26">
        <v>44287</v>
      </c>
      <c r="N293" s="26">
        <v>46477</v>
      </c>
      <c r="O293" s="52"/>
      <c r="P293" s="52"/>
      <c r="Q293" s="52"/>
      <c r="R293" s="49" t="s">
        <v>1786</v>
      </c>
      <c r="S293" s="49" t="s">
        <v>1770</v>
      </c>
    </row>
    <row r="294" spans="1:19" s="54" customFormat="1" ht="46.5" customHeight="1" x14ac:dyDescent="0.15">
      <c r="A294" s="47" t="s">
        <v>73</v>
      </c>
      <c r="B294" s="48" t="str">
        <f>IFERROR(VLOOKUP($A294,削除禁止!$A$1:$J$42,2,0),"")</f>
        <v>通所系</v>
      </c>
      <c r="C294" s="10">
        <v>1610101998</v>
      </c>
      <c r="D294" s="10" t="s">
        <v>651</v>
      </c>
      <c r="E294" s="10"/>
      <c r="F294" s="51" t="s">
        <v>549</v>
      </c>
      <c r="G294" s="10">
        <v>15</v>
      </c>
      <c r="H294" s="10" t="s">
        <v>837</v>
      </c>
      <c r="I294" s="16" t="s">
        <v>1356</v>
      </c>
      <c r="J294" s="10" t="s">
        <v>320</v>
      </c>
      <c r="K294" s="10" t="s">
        <v>854</v>
      </c>
      <c r="L294" s="16" t="s">
        <v>1056</v>
      </c>
      <c r="M294" s="26">
        <v>44317</v>
      </c>
      <c r="N294" s="26">
        <v>46507</v>
      </c>
      <c r="O294" s="52"/>
      <c r="P294" s="52"/>
      <c r="Q294" s="52"/>
      <c r="R294" s="49" t="s">
        <v>1764</v>
      </c>
      <c r="S294" s="49" t="s">
        <v>1820</v>
      </c>
    </row>
    <row r="295" spans="1:19" s="54" customFormat="1" ht="46.5" customHeight="1" x14ac:dyDescent="0.15">
      <c r="A295" s="47" t="s">
        <v>73</v>
      </c>
      <c r="B295" s="48" t="str">
        <f>IFERROR(VLOOKUP($A295,削除禁止!$A$1:$J$42,2,0),"")</f>
        <v>通所系</v>
      </c>
      <c r="C295" s="11">
        <v>1610101733</v>
      </c>
      <c r="D295" s="12" t="s">
        <v>651</v>
      </c>
      <c r="E295" s="12"/>
      <c r="F295" s="55" t="s">
        <v>555</v>
      </c>
      <c r="G295" s="11">
        <v>20</v>
      </c>
      <c r="H295" s="11" t="s">
        <v>754</v>
      </c>
      <c r="I295" s="55" t="s">
        <v>1935</v>
      </c>
      <c r="J295" s="11" t="s">
        <v>478</v>
      </c>
      <c r="K295" s="10" t="s">
        <v>863</v>
      </c>
      <c r="L295" s="51" t="s">
        <v>1170</v>
      </c>
      <c r="M295" s="56">
        <v>44470</v>
      </c>
      <c r="N295" s="56">
        <v>46660</v>
      </c>
      <c r="O295" s="52"/>
      <c r="P295" s="52"/>
      <c r="Q295" s="52"/>
      <c r="R295" s="49" t="s">
        <v>1764</v>
      </c>
      <c r="S295" s="49" t="s">
        <v>1742</v>
      </c>
    </row>
    <row r="296" spans="1:19" s="54" customFormat="1" ht="46.5" customHeight="1" x14ac:dyDescent="0.15">
      <c r="A296" s="47" t="s">
        <v>73</v>
      </c>
      <c r="B296" s="48" t="str">
        <f>IFERROR(VLOOKUP($A296,削除禁止!$A$1:$J$42,2,0),"")</f>
        <v>通所系</v>
      </c>
      <c r="C296" s="11">
        <v>1610102681</v>
      </c>
      <c r="D296" s="12"/>
      <c r="E296" s="12"/>
      <c r="F296" s="55" t="s">
        <v>557</v>
      </c>
      <c r="G296" s="11">
        <v>20</v>
      </c>
      <c r="H296" s="11" t="s">
        <v>1448</v>
      </c>
      <c r="I296" s="55" t="s">
        <v>1688</v>
      </c>
      <c r="J296" s="11" t="s">
        <v>1203</v>
      </c>
      <c r="K296" s="10" t="s">
        <v>1449</v>
      </c>
      <c r="L296" s="51" t="s">
        <v>1643</v>
      </c>
      <c r="M296" s="56">
        <v>44470</v>
      </c>
      <c r="N296" s="56">
        <v>46660</v>
      </c>
      <c r="O296" s="52"/>
      <c r="P296" s="52"/>
      <c r="Q296" s="52"/>
      <c r="R296" s="49" t="s">
        <v>1764</v>
      </c>
      <c r="S296" s="49" t="s">
        <v>1820</v>
      </c>
    </row>
    <row r="297" spans="1:19" s="54" customFormat="1" ht="46.5" customHeight="1" x14ac:dyDescent="0.15">
      <c r="A297" s="47" t="s">
        <v>73</v>
      </c>
      <c r="B297" s="48" t="str">
        <f>IFERROR(VLOOKUP($A297,削除禁止!$A$1:$J$42,2,0),"")</f>
        <v>通所系</v>
      </c>
      <c r="C297" s="11">
        <v>1610102699</v>
      </c>
      <c r="D297" s="12"/>
      <c r="E297" s="12"/>
      <c r="F297" s="55" t="s">
        <v>1546</v>
      </c>
      <c r="G297" s="11">
        <v>20</v>
      </c>
      <c r="H297" s="11" t="s">
        <v>253</v>
      </c>
      <c r="I297" s="55" t="s">
        <v>68</v>
      </c>
      <c r="J297" s="11" t="s">
        <v>202</v>
      </c>
      <c r="K297" s="10" t="s">
        <v>1466</v>
      </c>
      <c r="L297" s="51" t="s">
        <v>1149</v>
      </c>
      <c r="M297" s="56">
        <v>44501</v>
      </c>
      <c r="N297" s="56">
        <v>46691</v>
      </c>
      <c r="O297" s="52"/>
      <c r="P297" s="52"/>
      <c r="Q297" s="52"/>
      <c r="R297" s="49" t="s">
        <v>1764</v>
      </c>
      <c r="S297" s="49" t="s">
        <v>1795</v>
      </c>
    </row>
    <row r="298" spans="1:19" s="54" customFormat="1" ht="46.5" customHeight="1" x14ac:dyDescent="0.15">
      <c r="A298" s="47" t="s">
        <v>73</v>
      </c>
      <c r="B298" s="48" t="str">
        <f>IFERROR(VLOOKUP($A298,削除禁止!$A$1:$J$42,2,0),"")</f>
        <v>通所系</v>
      </c>
      <c r="C298" s="10">
        <v>1610102798</v>
      </c>
      <c r="D298" s="10" t="s">
        <v>651</v>
      </c>
      <c r="E298" s="10"/>
      <c r="F298" s="16" t="s">
        <v>1732</v>
      </c>
      <c r="G298" s="10">
        <v>20</v>
      </c>
      <c r="H298" s="10" t="s">
        <v>1542</v>
      </c>
      <c r="I298" s="16" t="s">
        <v>1523</v>
      </c>
      <c r="J298" s="10" t="s">
        <v>1543</v>
      </c>
      <c r="K298" s="10" t="s">
        <v>34</v>
      </c>
      <c r="L298" s="16" t="s">
        <v>1648</v>
      </c>
      <c r="M298" s="26">
        <v>44682</v>
      </c>
      <c r="N298" s="26">
        <v>46873</v>
      </c>
      <c r="O298" s="52"/>
      <c r="P298" s="52"/>
      <c r="Q298" s="52"/>
      <c r="R298" s="49" t="s">
        <v>1764</v>
      </c>
      <c r="S298" s="49" t="s">
        <v>1634</v>
      </c>
    </row>
    <row r="299" spans="1:19" s="54" customFormat="1" ht="46.5" customHeight="1" x14ac:dyDescent="0.15">
      <c r="A299" s="47" t="s">
        <v>73</v>
      </c>
      <c r="B299" s="48" t="str">
        <f>IFERROR(VLOOKUP($A299,削除禁止!$A$1:$J$42,2,0),"")</f>
        <v>通所系</v>
      </c>
      <c r="C299" s="10">
        <v>1610102806</v>
      </c>
      <c r="D299" s="10" t="s">
        <v>651</v>
      </c>
      <c r="E299" s="10"/>
      <c r="F299" s="16" t="s">
        <v>166</v>
      </c>
      <c r="G299" s="10">
        <v>10</v>
      </c>
      <c r="H299" s="10" t="s">
        <v>575</v>
      </c>
      <c r="I299" s="16" t="s">
        <v>1573</v>
      </c>
      <c r="J299" s="10" t="s">
        <v>1551</v>
      </c>
      <c r="K299" s="10" t="s">
        <v>1019</v>
      </c>
      <c r="L299" s="16" t="s">
        <v>1104</v>
      </c>
      <c r="M299" s="26">
        <v>44713</v>
      </c>
      <c r="N299" s="26">
        <v>46904</v>
      </c>
      <c r="O299" s="52"/>
      <c r="P299" s="52"/>
      <c r="Q299" s="52"/>
      <c r="R299" s="49" t="s">
        <v>1808</v>
      </c>
      <c r="S299" s="49" t="s">
        <v>1832</v>
      </c>
    </row>
    <row r="300" spans="1:19" s="54" customFormat="1" ht="46.5" customHeight="1" x14ac:dyDescent="0.15">
      <c r="A300" s="47" t="s">
        <v>73</v>
      </c>
      <c r="B300" s="48" t="str">
        <f>IFERROR(VLOOKUP($A300,削除禁止!$A$1:$J$42,2,0),"")</f>
        <v>通所系</v>
      </c>
      <c r="C300" s="10">
        <v>1610102822</v>
      </c>
      <c r="D300" s="10" t="s">
        <v>651</v>
      </c>
      <c r="E300" s="10"/>
      <c r="F300" s="16" t="s">
        <v>1562</v>
      </c>
      <c r="G300" s="10">
        <v>20</v>
      </c>
      <c r="H300" s="10" t="s">
        <v>1192</v>
      </c>
      <c r="I300" s="16" t="s">
        <v>1684</v>
      </c>
      <c r="J300" s="10" t="s">
        <v>1553</v>
      </c>
      <c r="K300" s="10" t="s">
        <v>414</v>
      </c>
      <c r="L300" s="16" t="s">
        <v>1650</v>
      </c>
      <c r="M300" s="26">
        <v>44743</v>
      </c>
      <c r="N300" s="26">
        <v>46934</v>
      </c>
      <c r="O300" s="52"/>
      <c r="P300" s="52"/>
      <c r="Q300" s="52"/>
      <c r="R300" s="49" t="s">
        <v>1764</v>
      </c>
      <c r="S300" s="49" t="s">
        <v>1831</v>
      </c>
    </row>
    <row r="301" spans="1:19" s="54" customFormat="1" ht="46.5" customHeight="1" x14ac:dyDescent="0.15">
      <c r="A301" s="47" t="s">
        <v>73</v>
      </c>
      <c r="B301" s="48" t="str">
        <f>IFERROR(VLOOKUP($A301,削除禁止!$A$1:$J$42,2,0),"")</f>
        <v>通所系</v>
      </c>
      <c r="C301" s="10">
        <v>1610102848</v>
      </c>
      <c r="D301" s="10"/>
      <c r="E301" s="10"/>
      <c r="F301" s="16" t="s">
        <v>1645</v>
      </c>
      <c r="G301" s="10">
        <v>20</v>
      </c>
      <c r="H301" s="10" t="s">
        <v>575</v>
      </c>
      <c r="I301" s="16" t="s">
        <v>1689</v>
      </c>
      <c r="J301" s="10" t="s">
        <v>1216</v>
      </c>
      <c r="K301" s="10" t="s">
        <v>1216</v>
      </c>
      <c r="L301" s="16" t="s">
        <v>1651</v>
      </c>
      <c r="M301" s="26">
        <v>44835</v>
      </c>
      <c r="N301" s="26">
        <v>47026</v>
      </c>
      <c r="O301" s="52"/>
      <c r="P301" s="52"/>
      <c r="Q301" s="52"/>
      <c r="R301" s="49" t="s">
        <v>1808</v>
      </c>
      <c r="S301" s="49" t="s">
        <v>1832</v>
      </c>
    </row>
    <row r="302" spans="1:19" s="54" customFormat="1" ht="46.5" customHeight="1" x14ac:dyDescent="0.15">
      <c r="A302" s="47" t="s">
        <v>73</v>
      </c>
      <c r="B302" s="48" t="str">
        <f>IFERROR(VLOOKUP($A302,削除禁止!$A$1:$J$42,2,0),"")</f>
        <v>通所系</v>
      </c>
      <c r="C302" s="10">
        <v>1610102863</v>
      </c>
      <c r="D302" s="10"/>
      <c r="E302" s="10"/>
      <c r="F302" s="16" t="s">
        <v>1100</v>
      </c>
      <c r="G302" s="10">
        <v>20</v>
      </c>
      <c r="H302" s="10" t="s">
        <v>582</v>
      </c>
      <c r="I302" s="16" t="s">
        <v>615</v>
      </c>
      <c r="J302" s="10" t="s">
        <v>1567</v>
      </c>
      <c r="K302" s="10" t="s">
        <v>1471</v>
      </c>
      <c r="L302" s="16" t="s">
        <v>1433</v>
      </c>
      <c r="M302" s="26">
        <v>44835</v>
      </c>
      <c r="N302" s="26">
        <v>47026</v>
      </c>
      <c r="O302" s="52"/>
      <c r="P302" s="52"/>
      <c r="Q302" s="52"/>
      <c r="R302" s="49" t="s">
        <v>1764</v>
      </c>
      <c r="S302" s="49" t="s">
        <v>1825</v>
      </c>
    </row>
    <row r="303" spans="1:19" s="54" customFormat="1" ht="46.5" customHeight="1" x14ac:dyDescent="0.15">
      <c r="A303" s="47" t="s">
        <v>73</v>
      </c>
      <c r="B303" s="48" t="str">
        <f>IFERROR(VLOOKUP($A303,削除禁止!$A$1:$J$42,2,0),"")</f>
        <v>通所系</v>
      </c>
      <c r="C303" s="10">
        <v>1610102855</v>
      </c>
      <c r="D303" s="10"/>
      <c r="E303" s="10"/>
      <c r="F303" s="16" t="s">
        <v>1575</v>
      </c>
      <c r="G303" s="10">
        <v>20</v>
      </c>
      <c r="H303" s="10" t="s">
        <v>794</v>
      </c>
      <c r="I303" s="16" t="s">
        <v>1690</v>
      </c>
      <c r="J303" s="10" t="s">
        <v>1576</v>
      </c>
      <c r="K303" s="10" t="s">
        <v>1576</v>
      </c>
      <c r="L303" s="16" t="s">
        <v>85</v>
      </c>
      <c r="M303" s="26">
        <v>44835</v>
      </c>
      <c r="N303" s="26">
        <v>47026</v>
      </c>
      <c r="O303" s="62"/>
      <c r="P303" s="62"/>
      <c r="Q303" s="62"/>
      <c r="R303" s="49" t="s">
        <v>1764</v>
      </c>
      <c r="S303" s="49" t="s">
        <v>1772</v>
      </c>
    </row>
    <row r="304" spans="1:19" s="54" customFormat="1" ht="46.5" customHeight="1" x14ac:dyDescent="0.15">
      <c r="A304" s="47" t="s">
        <v>73</v>
      </c>
      <c r="B304" s="48" t="str">
        <f>IFERROR(VLOOKUP($A304,削除禁止!$A$1:$J$42,2,0),"")</f>
        <v>通所系</v>
      </c>
      <c r="C304" s="10">
        <v>1610102889</v>
      </c>
      <c r="D304" s="10"/>
      <c r="E304" s="10"/>
      <c r="F304" s="16" t="s">
        <v>1734</v>
      </c>
      <c r="G304" s="10">
        <v>20</v>
      </c>
      <c r="H304" s="10" t="s">
        <v>189</v>
      </c>
      <c r="I304" s="16" t="s">
        <v>1589</v>
      </c>
      <c r="J304" s="10" t="s">
        <v>1577</v>
      </c>
      <c r="K304" s="10" t="s">
        <v>1577</v>
      </c>
      <c r="L304" s="16" t="s">
        <v>1042</v>
      </c>
      <c r="M304" s="26">
        <v>44866</v>
      </c>
      <c r="N304" s="26">
        <v>47056</v>
      </c>
      <c r="O304" s="62"/>
      <c r="P304" s="62"/>
      <c r="Q304" s="62"/>
      <c r="R304" s="49" t="s">
        <v>1764</v>
      </c>
      <c r="S304" s="49" t="s">
        <v>1704</v>
      </c>
    </row>
    <row r="305" spans="1:19" s="54" customFormat="1" ht="46.5" customHeight="1" x14ac:dyDescent="0.15">
      <c r="A305" s="47" t="s">
        <v>73</v>
      </c>
      <c r="B305" s="48" t="str">
        <f>IFERROR(VLOOKUP($A305,削除禁止!$A$1:$J$42,2,0),"")</f>
        <v>通所系</v>
      </c>
      <c r="C305" s="10">
        <v>1610101550</v>
      </c>
      <c r="D305" s="10" t="s">
        <v>651</v>
      </c>
      <c r="E305" s="10"/>
      <c r="F305" s="16" t="s">
        <v>1595</v>
      </c>
      <c r="G305" s="10">
        <v>20</v>
      </c>
      <c r="H305" s="10" t="s">
        <v>273</v>
      </c>
      <c r="I305" s="16" t="s">
        <v>1778</v>
      </c>
      <c r="J305" s="10" t="s">
        <v>503</v>
      </c>
      <c r="K305" s="10" t="s">
        <v>280</v>
      </c>
      <c r="L305" s="16" t="s">
        <v>1402</v>
      </c>
      <c r="M305" s="26">
        <v>44927</v>
      </c>
      <c r="N305" s="26">
        <v>47118</v>
      </c>
      <c r="O305" s="62"/>
      <c r="P305" s="62"/>
      <c r="Q305" s="62"/>
      <c r="R305" s="49" t="s">
        <v>1764</v>
      </c>
      <c r="S305" s="49" t="s">
        <v>1831</v>
      </c>
    </row>
    <row r="306" spans="1:19" s="54" customFormat="1" ht="46.5" customHeight="1" x14ac:dyDescent="0.15">
      <c r="A306" s="47" t="s">
        <v>73</v>
      </c>
      <c r="B306" s="48" t="str">
        <f>IFERROR(VLOOKUP($A306,削除禁止!$A$1:$J$42,2,0),"")</f>
        <v>通所系</v>
      </c>
      <c r="C306" s="11">
        <v>1610102947</v>
      </c>
      <c r="D306" s="12"/>
      <c r="E306" s="12"/>
      <c r="F306" s="55" t="s">
        <v>411</v>
      </c>
      <c r="G306" s="11">
        <v>20</v>
      </c>
      <c r="H306" s="10" t="s">
        <v>1928</v>
      </c>
      <c r="I306" s="55" t="s">
        <v>1900</v>
      </c>
      <c r="J306" s="11" t="s">
        <v>813</v>
      </c>
      <c r="K306" s="10"/>
      <c r="L306" s="16" t="s">
        <v>848</v>
      </c>
      <c r="M306" s="56">
        <v>45078</v>
      </c>
      <c r="N306" s="56">
        <v>47269</v>
      </c>
      <c r="O306" s="52"/>
      <c r="P306" s="52"/>
      <c r="Q306" s="52"/>
      <c r="R306" s="49" t="s">
        <v>1840</v>
      </c>
      <c r="S306" s="49" t="s">
        <v>1840</v>
      </c>
    </row>
    <row r="307" spans="1:19" s="54" customFormat="1" ht="46.5" customHeight="1" x14ac:dyDescent="0.15">
      <c r="A307" s="47" t="s">
        <v>73</v>
      </c>
      <c r="B307" s="48" t="str">
        <f>IFERROR(VLOOKUP($A307,削除禁止!$A$1:$J$42,2,0),"")</f>
        <v>通所系</v>
      </c>
      <c r="C307" s="11">
        <v>1610102962</v>
      </c>
      <c r="D307" s="12"/>
      <c r="E307" s="12"/>
      <c r="F307" s="55" t="s">
        <v>1273</v>
      </c>
      <c r="G307" s="11">
        <v>20</v>
      </c>
      <c r="H307" s="10" t="s">
        <v>656</v>
      </c>
      <c r="I307" s="55" t="s">
        <v>1863</v>
      </c>
      <c r="J307" s="11" t="s">
        <v>1442</v>
      </c>
      <c r="K307" s="10" t="s">
        <v>1864</v>
      </c>
      <c r="L307" s="16" t="s">
        <v>1633</v>
      </c>
      <c r="M307" s="56">
        <v>45108</v>
      </c>
      <c r="N307" s="56">
        <v>47299</v>
      </c>
      <c r="O307" s="52"/>
      <c r="P307" s="52"/>
      <c r="Q307" s="52"/>
      <c r="R307" s="49" t="s">
        <v>1764</v>
      </c>
      <c r="S307" s="49" t="s">
        <v>1811</v>
      </c>
    </row>
    <row r="308" spans="1:19" s="54" customFormat="1" ht="46.5" customHeight="1" x14ac:dyDescent="0.15">
      <c r="A308" s="47" t="s">
        <v>73</v>
      </c>
      <c r="B308" s="48" t="str">
        <f>IFERROR(VLOOKUP($A308,削除禁止!$A$1:$J$42,2,0),"")</f>
        <v>通所系</v>
      </c>
      <c r="C308" s="11">
        <v>1610101626</v>
      </c>
      <c r="D308" s="10" t="s">
        <v>651</v>
      </c>
      <c r="E308" s="12"/>
      <c r="F308" s="16" t="s">
        <v>1080</v>
      </c>
      <c r="G308" s="10">
        <v>10</v>
      </c>
      <c r="H308" s="10" t="s">
        <v>224</v>
      </c>
      <c r="I308" s="16" t="s">
        <v>1370</v>
      </c>
      <c r="J308" s="10" t="s">
        <v>814</v>
      </c>
      <c r="K308" s="10" t="s">
        <v>862</v>
      </c>
      <c r="L308" s="16" t="s">
        <v>1129</v>
      </c>
      <c r="M308" s="26">
        <v>45200</v>
      </c>
      <c r="N308" s="26">
        <v>47391</v>
      </c>
      <c r="O308" s="52"/>
      <c r="P308" s="52"/>
      <c r="Q308" s="52"/>
      <c r="R308" s="49" t="s">
        <v>1764</v>
      </c>
      <c r="S308" s="49" t="s">
        <v>562</v>
      </c>
    </row>
    <row r="309" spans="1:19" s="54" customFormat="1" ht="46.5" customHeight="1" x14ac:dyDescent="0.15">
      <c r="A309" s="47" t="s">
        <v>73</v>
      </c>
      <c r="B309" s="48" t="str">
        <f>IFERROR(VLOOKUP($A309,削除禁止!$A$1:$J$42,2,0),"")</f>
        <v>通所系</v>
      </c>
      <c r="C309" s="11">
        <v>1610102988</v>
      </c>
      <c r="D309" s="12"/>
      <c r="E309" s="12"/>
      <c r="F309" s="55" t="s">
        <v>1885</v>
      </c>
      <c r="G309" s="11">
        <v>20</v>
      </c>
      <c r="H309" s="10" t="s">
        <v>1513</v>
      </c>
      <c r="I309" s="55" t="s">
        <v>1780</v>
      </c>
      <c r="J309" s="11" t="s">
        <v>347</v>
      </c>
      <c r="K309" s="10"/>
      <c r="L309" s="16" t="s">
        <v>1886</v>
      </c>
      <c r="M309" s="26">
        <v>45231</v>
      </c>
      <c r="N309" s="26">
        <v>47422</v>
      </c>
      <c r="O309" s="52"/>
      <c r="P309" s="52"/>
      <c r="Q309" s="52"/>
      <c r="R309" s="49" t="s">
        <v>1764</v>
      </c>
      <c r="S309" s="57" t="s">
        <v>604</v>
      </c>
    </row>
    <row r="310" spans="1:19" s="54" customFormat="1" ht="46.5" customHeight="1" x14ac:dyDescent="0.15">
      <c r="A310" s="47" t="s">
        <v>73</v>
      </c>
      <c r="B310" s="58" t="str">
        <f>IFERROR(VLOOKUP($A310,削除禁止!$A$1:$J$42,2,0),"")</f>
        <v>通所系</v>
      </c>
      <c r="C310" s="39">
        <v>1610103002</v>
      </c>
      <c r="D310" s="40"/>
      <c r="E310" s="40"/>
      <c r="F310" s="45" t="s">
        <v>1947</v>
      </c>
      <c r="G310" s="39">
        <v>20</v>
      </c>
      <c r="H310" s="10" t="s">
        <v>1948</v>
      </c>
      <c r="I310" s="45" t="s">
        <v>1949</v>
      </c>
      <c r="J310" s="39" t="s">
        <v>1950</v>
      </c>
      <c r="K310" s="42" t="s">
        <v>1951</v>
      </c>
      <c r="L310" s="16" t="s">
        <v>1952</v>
      </c>
      <c r="M310" s="26">
        <v>45383</v>
      </c>
      <c r="N310" s="26">
        <v>47573</v>
      </c>
      <c r="O310" s="59"/>
      <c r="P310" s="59"/>
      <c r="Q310" s="59"/>
      <c r="R310" s="60" t="s">
        <v>1764</v>
      </c>
      <c r="S310" s="61" t="s">
        <v>562</v>
      </c>
    </row>
    <row r="311" spans="1:19" s="54" customFormat="1" ht="46.5" customHeight="1" x14ac:dyDescent="0.15">
      <c r="A311" s="47" t="s">
        <v>73</v>
      </c>
      <c r="B311" s="58" t="str">
        <f>IFERROR(VLOOKUP($A311,削除禁止!$A$1:$J$42,2,0),"")</f>
        <v>通所系</v>
      </c>
      <c r="C311" s="39">
        <v>1610103028</v>
      </c>
      <c r="D311" s="40"/>
      <c r="E311" s="40"/>
      <c r="F311" s="45" t="s">
        <v>1979</v>
      </c>
      <c r="G311" s="39">
        <v>20</v>
      </c>
      <c r="H311" s="10" t="s">
        <v>1980</v>
      </c>
      <c r="I311" s="45" t="s">
        <v>1983</v>
      </c>
      <c r="J311" s="39" t="s">
        <v>1981</v>
      </c>
      <c r="K311" s="42"/>
      <c r="L311" s="16" t="s">
        <v>1982</v>
      </c>
      <c r="M311" s="26">
        <v>45383</v>
      </c>
      <c r="N311" s="26">
        <v>47573</v>
      </c>
      <c r="O311" s="59"/>
      <c r="P311" s="59"/>
      <c r="Q311" s="59"/>
      <c r="R311" s="60" t="s">
        <v>1764</v>
      </c>
      <c r="S311" s="61" t="s">
        <v>1818</v>
      </c>
    </row>
    <row r="312" spans="1:19" s="54" customFormat="1" ht="46.5" customHeight="1" x14ac:dyDescent="0.15">
      <c r="A312" s="47" t="s">
        <v>1462</v>
      </c>
      <c r="B312" s="48" t="str">
        <f>IFERROR(VLOOKUP($A312,削除禁止!$A$1:$J$42,2,0),"")</f>
        <v>訪問系</v>
      </c>
      <c r="C312" s="12">
        <v>1610101808</v>
      </c>
      <c r="D312" s="12"/>
      <c r="E312" s="12"/>
      <c r="F312" s="18" t="s">
        <v>356</v>
      </c>
      <c r="G312" s="12"/>
      <c r="H312" s="12" t="s">
        <v>780</v>
      </c>
      <c r="I312" s="16" t="s">
        <v>1324</v>
      </c>
      <c r="J312" s="12" t="s">
        <v>846</v>
      </c>
      <c r="K312" s="12" t="s">
        <v>700</v>
      </c>
      <c r="L312" s="18" t="s">
        <v>1614</v>
      </c>
      <c r="M312" s="27">
        <v>43374</v>
      </c>
      <c r="N312" s="27">
        <v>45565</v>
      </c>
      <c r="O312" s="52"/>
      <c r="P312" s="52"/>
      <c r="Q312" s="52"/>
      <c r="R312" s="49" t="s">
        <v>1764</v>
      </c>
      <c r="S312" s="49" t="s">
        <v>1624</v>
      </c>
    </row>
    <row r="313" spans="1:19" s="54" customFormat="1" ht="46.5" customHeight="1" x14ac:dyDescent="0.15">
      <c r="A313" s="47" t="s">
        <v>1462</v>
      </c>
      <c r="B313" s="48" t="str">
        <f>IFERROR(VLOOKUP($A313,削除禁止!$A$1:$J$42,2,0),"")</f>
        <v>訪問系</v>
      </c>
      <c r="C313" s="12">
        <v>1610101907</v>
      </c>
      <c r="D313" s="12"/>
      <c r="E313" s="12"/>
      <c r="F313" s="18" t="s">
        <v>537</v>
      </c>
      <c r="G313" s="12"/>
      <c r="H313" s="12" t="s">
        <v>780</v>
      </c>
      <c r="I313" s="16" t="s">
        <v>190</v>
      </c>
      <c r="J313" s="12" t="s">
        <v>60</v>
      </c>
      <c r="K313" s="12" t="s">
        <v>156</v>
      </c>
      <c r="L313" s="18" t="s">
        <v>1614</v>
      </c>
      <c r="M313" s="27">
        <v>43374</v>
      </c>
      <c r="N313" s="27">
        <v>45565</v>
      </c>
      <c r="O313" s="52"/>
      <c r="P313" s="52"/>
      <c r="Q313" s="52"/>
      <c r="R313" s="49" t="s">
        <v>1764</v>
      </c>
      <c r="S313" s="49" t="s">
        <v>1624</v>
      </c>
    </row>
    <row r="314" spans="1:19" s="54" customFormat="1" ht="46.5" customHeight="1" x14ac:dyDescent="0.15">
      <c r="A314" s="47" t="s">
        <v>1462</v>
      </c>
      <c r="B314" s="48" t="str">
        <f>IFERROR(VLOOKUP($A314,削除禁止!$A$1:$J$42,2,0),"")</f>
        <v>訪問系</v>
      </c>
      <c r="C314" s="12">
        <v>1610102335</v>
      </c>
      <c r="D314" s="12"/>
      <c r="E314" s="12"/>
      <c r="F314" s="18" t="s">
        <v>1191</v>
      </c>
      <c r="G314" s="12"/>
      <c r="H314" s="12" t="s">
        <v>488</v>
      </c>
      <c r="I314" s="16" t="s">
        <v>1359</v>
      </c>
      <c r="J314" s="12" t="s">
        <v>680</v>
      </c>
      <c r="K314" s="12" t="s">
        <v>685</v>
      </c>
      <c r="L314" s="18" t="s">
        <v>1111</v>
      </c>
      <c r="M314" s="27">
        <v>43374</v>
      </c>
      <c r="N314" s="27">
        <v>45565</v>
      </c>
      <c r="O314" s="52"/>
      <c r="P314" s="52"/>
      <c r="Q314" s="52"/>
      <c r="R314" s="49" t="s">
        <v>1764</v>
      </c>
      <c r="S314" s="49" t="s">
        <v>1819</v>
      </c>
    </row>
    <row r="315" spans="1:19" s="54" customFormat="1" ht="46.5" customHeight="1" x14ac:dyDescent="0.15">
      <c r="A315" s="47" t="s">
        <v>1462</v>
      </c>
      <c r="B315" s="48" t="str">
        <f>IFERROR(VLOOKUP($A315,削除禁止!$A$1:$J$42,2,0),"")</f>
        <v>訪問系</v>
      </c>
      <c r="C315" s="12">
        <v>1610101717</v>
      </c>
      <c r="D315" s="12"/>
      <c r="E315" s="12"/>
      <c r="F315" s="18" t="s">
        <v>850</v>
      </c>
      <c r="G315" s="12"/>
      <c r="H315" s="12" t="s">
        <v>760</v>
      </c>
      <c r="I315" s="16" t="s">
        <v>1354</v>
      </c>
      <c r="J315" s="12" t="s">
        <v>759</v>
      </c>
      <c r="K315" s="12" t="s">
        <v>220</v>
      </c>
      <c r="L315" s="18" t="s">
        <v>1127</v>
      </c>
      <c r="M315" s="27">
        <v>43709</v>
      </c>
      <c r="N315" s="27">
        <v>45900</v>
      </c>
      <c r="O315" s="52"/>
      <c r="P315" s="52"/>
      <c r="Q315" s="52"/>
      <c r="R315" s="49" t="s">
        <v>1764</v>
      </c>
      <c r="S315" s="49" t="s">
        <v>1812</v>
      </c>
    </row>
    <row r="316" spans="1:19" s="54" customFormat="1" ht="46.5" customHeight="1" x14ac:dyDescent="0.15">
      <c r="A316" s="47" t="s">
        <v>1462</v>
      </c>
      <c r="B316" s="48" t="str">
        <f>IFERROR(VLOOKUP($A316,削除禁止!$A$1:$J$42,2,0),"")</f>
        <v>訪問系</v>
      </c>
      <c r="C316" s="12">
        <v>1610102657</v>
      </c>
      <c r="D316" s="10"/>
      <c r="E316" s="10"/>
      <c r="F316" s="51" t="s">
        <v>1430</v>
      </c>
      <c r="G316" s="10"/>
      <c r="H316" s="10" t="s">
        <v>1926</v>
      </c>
      <c r="I316" s="16" t="s">
        <v>1922</v>
      </c>
      <c r="J316" s="10" t="s">
        <v>1081</v>
      </c>
      <c r="K316" s="10" t="s">
        <v>1082</v>
      </c>
      <c r="L316" s="16" t="s">
        <v>1934</v>
      </c>
      <c r="M316" s="26">
        <v>45108</v>
      </c>
      <c r="N316" s="26">
        <v>47299</v>
      </c>
      <c r="O316" s="52"/>
      <c r="P316" s="52"/>
      <c r="Q316" s="52"/>
      <c r="R316" s="49" t="s">
        <v>1840</v>
      </c>
      <c r="S316" s="49" t="s">
        <v>1840</v>
      </c>
    </row>
    <row r="317" spans="1:19" s="54" customFormat="1" ht="46.5" customHeight="1" x14ac:dyDescent="0.15">
      <c r="A317" s="47" t="s">
        <v>1030</v>
      </c>
      <c r="B317" s="48" t="str">
        <f>IFERROR(VLOOKUP($A317,削除禁止!$A$1:$J$42,2,0),"")</f>
        <v>訪問系</v>
      </c>
      <c r="C317" s="12">
        <v>1610102905</v>
      </c>
      <c r="D317" s="12"/>
      <c r="E317" s="12"/>
      <c r="F317" s="18" t="s">
        <v>530</v>
      </c>
      <c r="G317" s="12"/>
      <c r="H317" s="12" t="s">
        <v>321</v>
      </c>
      <c r="I317" s="16" t="s">
        <v>1572</v>
      </c>
      <c r="J317" s="12" t="s">
        <v>919</v>
      </c>
      <c r="K317" s="12" t="s">
        <v>474</v>
      </c>
      <c r="L317" s="18" t="s">
        <v>177</v>
      </c>
      <c r="M317" s="27">
        <v>44866</v>
      </c>
      <c r="N317" s="27">
        <v>47057</v>
      </c>
      <c r="O317" s="52"/>
      <c r="P317" s="52"/>
      <c r="Q317" s="52"/>
      <c r="R317" s="49" t="s">
        <v>1764</v>
      </c>
      <c r="S317" s="49" t="s">
        <v>366</v>
      </c>
    </row>
    <row r="318" spans="1:19" s="54" customFormat="1" ht="46.5" customHeight="1" x14ac:dyDescent="0.15">
      <c r="A318" s="47" t="s">
        <v>1655</v>
      </c>
      <c r="B318" s="48" t="str">
        <f>IFERROR(VLOOKUP($A318,削除禁止!$A$1:$J$42,2,0),"")</f>
        <v>入所・居住系</v>
      </c>
      <c r="C318" s="12">
        <v>1620100030</v>
      </c>
      <c r="D318" s="12"/>
      <c r="E318" s="12"/>
      <c r="F318" s="16" t="s">
        <v>135</v>
      </c>
      <c r="G318" s="22">
        <v>4</v>
      </c>
      <c r="H318" s="12" t="s">
        <v>91</v>
      </c>
      <c r="I318" s="16" t="s">
        <v>1371</v>
      </c>
      <c r="J318" s="12" t="s">
        <v>1501</v>
      </c>
      <c r="K318" s="12" t="s">
        <v>507</v>
      </c>
      <c r="L318" s="18" t="s">
        <v>130</v>
      </c>
      <c r="M318" s="26">
        <v>38991</v>
      </c>
      <c r="N318" s="27">
        <v>45565</v>
      </c>
      <c r="O318" s="10" t="s">
        <v>651</v>
      </c>
      <c r="P318" s="12"/>
      <c r="Q318" s="12"/>
      <c r="R318" s="49" t="s">
        <v>1764</v>
      </c>
      <c r="S318" s="49" t="s">
        <v>1830</v>
      </c>
    </row>
    <row r="319" spans="1:19" s="54" customFormat="1" ht="46.5" customHeight="1" x14ac:dyDescent="0.15">
      <c r="A319" s="47" t="s">
        <v>1655</v>
      </c>
      <c r="B319" s="48" t="str">
        <f>IFERROR(VLOOKUP($A319,削除禁止!$A$1:$J$42,2,0),"")</f>
        <v>入所・居住系</v>
      </c>
      <c r="C319" s="12">
        <v>1620100048</v>
      </c>
      <c r="D319" s="12"/>
      <c r="E319" s="12"/>
      <c r="F319" s="16" t="s">
        <v>46</v>
      </c>
      <c r="G319" s="10">
        <v>10</v>
      </c>
      <c r="H319" s="12" t="s">
        <v>36</v>
      </c>
      <c r="I319" s="16" t="s">
        <v>1372</v>
      </c>
      <c r="J319" s="12" t="s">
        <v>1269</v>
      </c>
      <c r="K319" s="12" t="s">
        <v>379</v>
      </c>
      <c r="L319" s="18" t="s">
        <v>140</v>
      </c>
      <c r="M319" s="26">
        <v>38991</v>
      </c>
      <c r="N319" s="27">
        <v>45565</v>
      </c>
      <c r="O319" s="10" t="s">
        <v>651</v>
      </c>
      <c r="P319" s="12"/>
      <c r="Q319" s="12"/>
      <c r="R319" s="49" t="s">
        <v>1764</v>
      </c>
      <c r="S319" s="49" t="s">
        <v>1816</v>
      </c>
    </row>
    <row r="320" spans="1:19" s="54" customFormat="1" ht="46.5" customHeight="1" x14ac:dyDescent="0.15">
      <c r="A320" s="47" t="s">
        <v>1655</v>
      </c>
      <c r="B320" s="48" t="str">
        <f>IFERROR(VLOOKUP($A320,削除禁止!$A$1:$J$42,2,0),"")</f>
        <v>入所・居住系</v>
      </c>
      <c r="C320" s="12">
        <v>1620100543</v>
      </c>
      <c r="D320" s="12"/>
      <c r="E320" s="12"/>
      <c r="F320" s="16" t="s">
        <v>1953</v>
      </c>
      <c r="G320" s="10">
        <v>15</v>
      </c>
      <c r="H320" s="12" t="s">
        <v>82</v>
      </c>
      <c r="I320" s="16" t="s">
        <v>589</v>
      </c>
      <c r="J320" s="12" t="s">
        <v>1954</v>
      </c>
      <c r="K320" s="12" t="s">
        <v>1955</v>
      </c>
      <c r="L320" s="18" t="s">
        <v>1956</v>
      </c>
      <c r="M320" s="26">
        <v>45383</v>
      </c>
      <c r="N320" s="27">
        <v>47573</v>
      </c>
      <c r="O320" s="10" t="s">
        <v>651</v>
      </c>
      <c r="P320" s="12"/>
      <c r="Q320" s="12"/>
      <c r="R320" s="49" t="s">
        <v>1764</v>
      </c>
      <c r="S320" s="49" t="s">
        <v>562</v>
      </c>
    </row>
    <row r="321" spans="1:19" s="54" customFormat="1" ht="46.5" customHeight="1" x14ac:dyDescent="0.15">
      <c r="A321" s="47" t="s">
        <v>1655</v>
      </c>
      <c r="B321" s="48" t="str">
        <f>IFERROR(VLOOKUP($A321,削除禁止!$A$1:$J$42,2,0),"")</f>
        <v>入所・居住系</v>
      </c>
      <c r="C321" s="12">
        <v>1620100055</v>
      </c>
      <c r="D321" s="12"/>
      <c r="E321" s="12"/>
      <c r="F321" s="16" t="s">
        <v>257</v>
      </c>
      <c r="G321" s="10">
        <v>28</v>
      </c>
      <c r="H321" s="12" t="s">
        <v>150</v>
      </c>
      <c r="I321" s="16" t="s">
        <v>1691</v>
      </c>
      <c r="J321" s="12" t="s">
        <v>1495</v>
      </c>
      <c r="K321" s="12" t="s">
        <v>1496</v>
      </c>
      <c r="L321" s="18" t="s">
        <v>148</v>
      </c>
      <c r="M321" s="26">
        <v>38991</v>
      </c>
      <c r="N321" s="27">
        <v>45565</v>
      </c>
      <c r="O321" s="10" t="s">
        <v>651</v>
      </c>
      <c r="P321" s="12"/>
      <c r="Q321" s="12"/>
      <c r="R321" s="49" t="s">
        <v>1008</v>
      </c>
      <c r="S321" s="49" t="s">
        <v>1800</v>
      </c>
    </row>
    <row r="322" spans="1:19" s="54" customFormat="1" ht="46.5" customHeight="1" x14ac:dyDescent="0.15">
      <c r="A322" s="47" t="s">
        <v>1655</v>
      </c>
      <c r="B322" s="48" t="str">
        <f>IFERROR(VLOOKUP($A322,削除禁止!$A$1:$J$42,2,0),"")</f>
        <v>入所・居住系</v>
      </c>
      <c r="C322" s="12">
        <v>1620100014</v>
      </c>
      <c r="D322" s="12"/>
      <c r="E322" s="12"/>
      <c r="F322" s="16" t="s">
        <v>1105</v>
      </c>
      <c r="G322" s="10">
        <v>8</v>
      </c>
      <c r="H322" s="10" t="s">
        <v>420</v>
      </c>
      <c r="I322" s="16" t="s">
        <v>394</v>
      </c>
      <c r="J322" s="12" t="s">
        <v>272</v>
      </c>
      <c r="K322" s="12" t="s">
        <v>1306</v>
      </c>
      <c r="L322" s="18" t="s">
        <v>163</v>
      </c>
      <c r="M322" s="26">
        <v>38991</v>
      </c>
      <c r="N322" s="27">
        <v>45565</v>
      </c>
      <c r="O322" s="10" t="s">
        <v>651</v>
      </c>
      <c r="P322" s="12"/>
      <c r="Q322" s="12"/>
      <c r="R322" s="49" t="s">
        <v>1764</v>
      </c>
      <c r="S322" s="49" t="s">
        <v>1704</v>
      </c>
    </row>
    <row r="323" spans="1:19" s="54" customFormat="1" ht="46.5" customHeight="1" x14ac:dyDescent="0.15">
      <c r="A323" s="47" t="s">
        <v>1655</v>
      </c>
      <c r="B323" s="48" t="str">
        <f>IFERROR(VLOOKUP($A323,削除禁止!$A$1:$J$42,2,0),"")</f>
        <v>入所・居住系</v>
      </c>
      <c r="C323" s="12">
        <v>1620100089</v>
      </c>
      <c r="D323" s="12"/>
      <c r="E323" s="12"/>
      <c r="F323" s="16" t="s">
        <v>260</v>
      </c>
      <c r="G323" s="10">
        <v>39</v>
      </c>
      <c r="H323" s="10" t="s">
        <v>1541</v>
      </c>
      <c r="I323" s="16" t="s">
        <v>1330</v>
      </c>
      <c r="J323" s="12" t="s">
        <v>267</v>
      </c>
      <c r="K323" s="12" t="s">
        <v>276</v>
      </c>
      <c r="L323" s="18" t="s">
        <v>279</v>
      </c>
      <c r="M323" s="26">
        <v>38991</v>
      </c>
      <c r="N323" s="27">
        <v>45565</v>
      </c>
      <c r="O323" s="12"/>
      <c r="P323" s="10" t="s">
        <v>651</v>
      </c>
      <c r="Q323" s="10"/>
      <c r="R323" s="49" t="s">
        <v>1808</v>
      </c>
      <c r="S323" s="49" t="s">
        <v>1767</v>
      </c>
    </row>
    <row r="324" spans="1:19" s="54" customFormat="1" ht="46.5" customHeight="1" x14ac:dyDescent="0.15">
      <c r="A324" s="47" t="s">
        <v>1655</v>
      </c>
      <c r="B324" s="48" t="str">
        <f>IFERROR(VLOOKUP($A324,削除禁止!$A$1:$J$42,2,0),"")</f>
        <v>入所・居住系</v>
      </c>
      <c r="C324" s="12">
        <v>1620100022</v>
      </c>
      <c r="D324" s="12"/>
      <c r="E324" s="12"/>
      <c r="F324" s="16" t="s">
        <v>526</v>
      </c>
      <c r="G324" s="10">
        <v>30</v>
      </c>
      <c r="H324" s="12" t="s">
        <v>134</v>
      </c>
      <c r="I324" s="16" t="s">
        <v>1384</v>
      </c>
      <c r="J324" s="12" t="s">
        <v>1073</v>
      </c>
      <c r="K324" s="12" t="s">
        <v>292</v>
      </c>
      <c r="L324" s="18" t="s">
        <v>404</v>
      </c>
      <c r="M324" s="26">
        <v>38991</v>
      </c>
      <c r="N324" s="27">
        <v>45565</v>
      </c>
      <c r="O324" s="10" t="s">
        <v>651</v>
      </c>
      <c r="P324" s="12"/>
      <c r="Q324" s="12"/>
      <c r="R324" s="49" t="s">
        <v>1764</v>
      </c>
      <c r="S324" s="49" t="s">
        <v>1704</v>
      </c>
    </row>
    <row r="325" spans="1:19" s="54" customFormat="1" ht="46.5" customHeight="1" x14ac:dyDescent="0.15">
      <c r="A325" s="47" t="s">
        <v>1655</v>
      </c>
      <c r="B325" s="48" t="str">
        <f>IFERROR(VLOOKUP($A325,削除禁止!$A$1:$J$42,2,0),"")</f>
        <v>入所・居住系</v>
      </c>
      <c r="C325" s="12">
        <v>1620100097</v>
      </c>
      <c r="D325" s="12"/>
      <c r="E325" s="12"/>
      <c r="F325" s="16" t="s">
        <v>1066</v>
      </c>
      <c r="G325" s="10">
        <v>53</v>
      </c>
      <c r="H325" s="10" t="s">
        <v>409</v>
      </c>
      <c r="I325" s="16" t="s">
        <v>1608</v>
      </c>
      <c r="J325" s="12" t="s">
        <v>410</v>
      </c>
      <c r="K325" s="12" t="s">
        <v>415</v>
      </c>
      <c r="L325" s="18" t="s">
        <v>407</v>
      </c>
      <c r="M325" s="26">
        <v>38991</v>
      </c>
      <c r="N325" s="27">
        <v>46904</v>
      </c>
      <c r="O325" s="12"/>
      <c r="P325" s="10" t="s">
        <v>651</v>
      </c>
      <c r="Q325" s="10"/>
      <c r="R325" s="49" t="s">
        <v>1764</v>
      </c>
      <c r="S325" s="49" t="s">
        <v>1704</v>
      </c>
    </row>
    <row r="326" spans="1:19" s="54" customFormat="1" ht="46.5" customHeight="1" x14ac:dyDescent="0.15">
      <c r="A326" s="47" t="s">
        <v>1655</v>
      </c>
      <c r="B326" s="48" t="str">
        <f>IFERROR(VLOOKUP($A326,削除禁止!$A$1:$J$42,2,0),"")</f>
        <v>入所・居住系</v>
      </c>
      <c r="C326" s="12">
        <v>1620100121</v>
      </c>
      <c r="D326" s="12"/>
      <c r="E326" s="12"/>
      <c r="F326" s="16" t="s">
        <v>1765</v>
      </c>
      <c r="G326" s="12">
        <v>21</v>
      </c>
      <c r="H326" s="12" t="s">
        <v>360</v>
      </c>
      <c r="I326" s="16" t="s">
        <v>1340</v>
      </c>
      <c r="J326" s="12" t="s">
        <v>295</v>
      </c>
      <c r="K326" s="12" t="s">
        <v>297</v>
      </c>
      <c r="L326" s="18" t="s">
        <v>452</v>
      </c>
      <c r="M326" s="26">
        <v>38991</v>
      </c>
      <c r="N326" s="27">
        <v>47542</v>
      </c>
      <c r="O326" s="12"/>
      <c r="P326" s="12" t="s">
        <v>651</v>
      </c>
      <c r="Q326" s="12"/>
      <c r="R326" s="49" t="s">
        <v>1008</v>
      </c>
      <c r="S326" s="49" t="s">
        <v>1836</v>
      </c>
    </row>
    <row r="327" spans="1:19" s="54" customFormat="1" ht="46.5" customHeight="1" x14ac:dyDescent="0.15">
      <c r="A327" s="47" t="s">
        <v>1655</v>
      </c>
      <c r="B327" s="48" t="str">
        <f>IFERROR(VLOOKUP($A327,削除禁止!$A$1:$J$42,2,0),"")</f>
        <v>入所・居住系</v>
      </c>
      <c r="C327" s="12">
        <v>1620100139</v>
      </c>
      <c r="D327" s="12"/>
      <c r="E327" s="12"/>
      <c r="F327" s="16" t="s">
        <v>959</v>
      </c>
      <c r="G327" s="10">
        <v>30</v>
      </c>
      <c r="H327" s="10" t="s">
        <v>325</v>
      </c>
      <c r="I327" s="16" t="s">
        <v>1692</v>
      </c>
      <c r="J327" s="12" t="s">
        <v>334</v>
      </c>
      <c r="K327" s="12" t="s">
        <v>59</v>
      </c>
      <c r="L327" s="18" t="s">
        <v>469</v>
      </c>
      <c r="M327" s="26">
        <v>38991</v>
      </c>
      <c r="N327" s="27">
        <v>45565</v>
      </c>
      <c r="O327" s="12"/>
      <c r="P327" s="10" t="s">
        <v>651</v>
      </c>
      <c r="Q327" s="10"/>
      <c r="R327" s="49" t="s">
        <v>1809</v>
      </c>
      <c r="S327" s="49" t="s">
        <v>1485</v>
      </c>
    </row>
    <row r="328" spans="1:19" s="54" customFormat="1" ht="46.5" customHeight="1" x14ac:dyDescent="0.15">
      <c r="A328" s="47" t="s">
        <v>1655</v>
      </c>
      <c r="B328" s="48" t="str">
        <f>IFERROR(VLOOKUP($A328,削除禁止!$A$1:$J$42,2,0),"")</f>
        <v>入所・居住系</v>
      </c>
      <c r="C328" s="12">
        <v>1620100105</v>
      </c>
      <c r="D328" s="12"/>
      <c r="E328" s="12"/>
      <c r="F328" s="16" t="s">
        <v>762</v>
      </c>
      <c r="G328" s="10">
        <v>23</v>
      </c>
      <c r="H328" s="12" t="s">
        <v>330</v>
      </c>
      <c r="I328" s="16" t="s">
        <v>1373</v>
      </c>
      <c r="J328" s="12" t="s">
        <v>559</v>
      </c>
      <c r="K328" s="12" t="s">
        <v>559</v>
      </c>
      <c r="L328" s="18" t="s">
        <v>554</v>
      </c>
      <c r="M328" s="26">
        <v>38991</v>
      </c>
      <c r="N328" s="27">
        <v>45565</v>
      </c>
      <c r="O328" s="12"/>
      <c r="P328" s="10" t="s">
        <v>651</v>
      </c>
      <c r="Q328" s="10"/>
      <c r="R328" s="49" t="s">
        <v>1809</v>
      </c>
      <c r="S328" s="49" t="s">
        <v>1485</v>
      </c>
    </row>
    <row r="329" spans="1:19" s="54" customFormat="1" ht="46.5" customHeight="1" x14ac:dyDescent="0.15">
      <c r="A329" s="47" t="s">
        <v>1655</v>
      </c>
      <c r="B329" s="48" t="str">
        <f>IFERROR(VLOOKUP($A329,削除禁止!$A$1:$J$42,2,0),"")</f>
        <v>入所・居住系</v>
      </c>
      <c r="C329" s="12">
        <v>1620100113</v>
      </c>
      <c r="D329" s="12"/>
      <c r="E329" s="12"/>
      <c r="F329" s="16" t="s">
        <v>1110</v>
      </c>
      <c r="G329" s="10">
        <v>26</v>
      </c>
      <c r="H329" s="12" t="s">
        <v>365</v>
      </c>
      <c r="I329" s="16" t="s">
        <v>159</v>
      </c>
      <c r="J329" s="12" t="s">
        <v>559</v>
      </c>
      <c r="K329" s="12" t="s">
        <v>559</v>
      </c>
      <c r="L329" s="18" t="s">
        <v>554</v>
      </c>
      <c r="M329" s="26">
        <v>38991</v>
      </c>
      <c r="N329" s="27">
        <v>45565</v>
      </c>
      <c r="O329" s="12"/>
      <c r="P329" s="10" t="s">
        <v>651</v>
      </c>
      <c r="Q329" s="10"/>
      <c r="R329" s="49" t="s">
        <v>1764</v>
      </c>
      <c r="S329" s="49" t="s">
        <v>562</v>
      </c>
    </row>
    <row r="330" spans="1:19" s="54" customFormat="1" ht="46.5" customHeight="1" x14ac:dyDescent="0.15">
      <c r="A330" s="47" t="s">
        <v>1655</v>
      </c>
      <c r="B330" s="48" t="str">
        <f>IFERROR(VLOOKUP($A330,削除禁止!$A$1:$J$42,2,0),"")</f>
        <v>入所・居住系</v>
      </c>
      <c r="C330" s="12">
        <v>1620100147</v>
      </c>
      <c r="D330" s="12"/>
      <c r="E330" s="12"/>
      <c r="F330" s="18" t="s">
        <v>544</v>
      </c>
      <c r="G330" s="10">
        <v>15</v>
      </c>
      <c r="H330" s="10" t="s">
        <v>340</v>
      </c>
      <c r="I330" s="16" t="s">
        <v>1350</v>
      </c>
      <c r="J330" s="12" t="s">
        <v>343</v>
      </c>
      <c r="K330" s="12" t="s">
        <v>345</v>
      </c>
      <c r="L330" s="18" t="s">
        <v>491</v>
      </c>
      <c r="M330" s="27">
        <v>39173</v>
      </c>
      <c r="N330" s="27">
        <v>45747</v>
      </c>
      <c r="O330" s="12"/>
      <c r="P330" s="10" t="s">
        <v>651</v>
      </c>
      <c r="Q330" s="10"/>
      <c r="R330" s="49" t="s">
        <v>1764</v>
      </c>
      <c r="S330" s="49" t="s">
        <v>1794</v>
      </c>
    </row>
    <row r="331" spans="1:19" s="54" customFormat="1" ht="46.5" customHeight="1" x14ac:dyDescent="0.15">
      <c r="A331" s="47" t="s">
        <v>1655</v>
      </c>
      <c r="B331" s="48" t="str">
        <f>IFERROR(VLOOKUP($A331,削除禁止!$A$1:$J$42,2,0),"")</f>
        <v>入所・居住系</v>
      </c>
      <c r="C331" s="12">
        <v>1620100154</v>
      </c>
      <c r="D331" s="12"/>
      <c r="E331" s="12"/>
      <c r="F331" s="18" t="s">
        <v>639</v>
      </c>
      <c r="G331" s="10">
        <v>4</v>
      </c>
      <c r="H331" s="12" t="s">
        <v>450</v>
      </c>
      <c r="I331" s="16" t="s">
        <v>1374</v>
      </c>
      <c r="J331" s="12" t="s">
        <v>1502</v>
      </c>
      <c r="K331" s="12" t="s">
        <v>1279</v>
      </c>
      <c r="L331" s="18" t="s">
        <v>270</v>
      </c>
      <c r="M331" s="27">
        <v>39904</v>
      </c>
      <c r="N331" s="27">
        <v>46477</v>
      </c>
      <c r="O331" s="12"/>
      <c r="P331" s="10" t="s">
        <v>651</v>
      </c>
      <c r="Q331" s="10"/>
      <c r="R331" s="49" t="s">
        <v>1764</v>
      </c>
      <c r="S331" s="49" t="s">
        <v>562</v>
      </c>
    </row>
    <row r="332" spans="1:19" s="54" customFormat="1" ht="46.5" customHeight="1" x14ac:dyDescent="0.15">
      <c r="A332" s="47" t="s">
        <v>1655</v>
      </c>
      <c r="B332" s="48" t="str">
        <f>IFERROR(VLOOKUP($A332,削除禁止!$A$1:$J$42,2,0),"")</f>
        <v>入所・居住系</v>
      </c>
      <c r="C332" s="12">
        <v>1620100170</v>
      </c>
      <c r="D332" s="12"/>
      <c r="E332" s="12"/>
      <c r="F332" s="18" t="s">
        <v>1257</v>
      </c>
      <c r="G332" s="10">
        <v>4</v>
      </c>
      <c r="H332" s="12" t="s">
        <v>377</v>
      </c>
      <c r="I332" s="16" t="s">
        <v>288</v>
      </c>
      <c r="J332" s="12" t="s">
        <v>1503</v>
      </c>
      <c r="K332" s="12" t="s">
        <v>655</v>
      </c>
      <c r="L332" s="18" t="s">
        <v>85</v>
      </c>
      <c r="M332" s="27">
        <v>40148</v>
      </c>
      <c r="N332" s="27">
        <v>46721</v>
      </c>
      <c r="O332" s="10" t="s">
        <v>651</v>
      </c>
      <c r="P332" s="12"/>
      <c r="Q332" s="12"/>
      <c r="R332" s="49" t="s">
        <v>1764</v>
      </c>
      <c r="S332" s="49" t="s">
        <v>562</v>
      </c>
    </row>
    <row r="333" spans="1:19" s="54" customFormat="1" ht="46.5" customHeight="1" x14ac:dyDescent="0.15">
      <c r="A333" s="47" t="s">
        <v>1655</v>
      </c>
      <c r="B333" s="48" t="str">
        <f>IFERROR(VLOOKUP($A333,削除禁止!$A$1:$J$42,2,0),"")</f>
        <v>入所・居住系</v>
      </c>
      <c r="C333" s="12">
        <v>1620100204</v>
      </c>
      <c r="D333" s="12"/>
      <c r="E333" s="12"/>
      <c r="F333" s="16" t="s">
        <v>1112</v>
      </c>
      <c r="G333" s="10">
        <v>5</v>
      </c>
      <c r="H333" s="12" t="s">
        <v>466</v>
      </c>
      <c r="I333" s="16" t="s">
        <v>1334</v>
      </c>
      <c r="J333" s="10" t="s">
        <v>1498</v>
      </c>
      <c r="K333" s="10" t="s">
        <v>1289</v>
      </c>
      <c r="L333" s="18" t="s">
        <v>458</v>
      </c>
      <c r="M333" s="27">
        <v>40817</v>
      </c>
      <c r="N333" s="27">
        <v>47391</v>
      </c>
      <c r="O333" s="12"/>
      <c r="P333" s="10" t="s">
        <v>651</v>
      </c>
      <c r="Q333" s="10"/>
      <c r="R333" s="49" t="s">
        <v>1764</v>
      </c>
      <c r="S333" s="49" t="s">
        <v>366</v>
      </c>
    </row>
    <row r="334" spans="1:19" s="54" customFormat="1" ht="46.5" customHeight="1" x14ac:dyDescent="0.15">
      <c r="A334" s="47" t="s">
        <v>1655</v>
      </c>
      <c r="B334" s="48" t="str">
        <f>IFERROR(VLOOKUP($A334,削除禁止!$A$1:$J$42,2,0),"")</f>
        <v>入所・居住系</v>
      </c>
      <c r="C334" s="12">
        <v>1620100246</v>
      </c>
      <c r="D334" s="12"/>
      <c r="E334" s="12"/>
      <c r="F334" s="18" t="s">
        <v>127</v>
      </c>
      <c r="G334" s="12">
        <v>18</v>
      </c>
      <c r="H334" s="12" t="s">
        <v>103</v>
      </c>
      <c r="I334" s="16" t="s">
        <v>1028</v>
      </c>
      <c r="J334" s="12" t="s">
        <v>1504</v>
      </c>
      <c r="K334" s="12" t="s">
        <v>125</v>
      </c>
      <c r="L334" s="18" t="s">
        <v>163</v>
      </c>
      <c r="M334" s="27">
        <v>40999</v>
      </c>
      <c r="N334" s="27">
        <v>47573</v>
      </c>
      <c r="O334" s="12"/>
      <c r="P334" s="12" t="s">
        <v>651</v>
      </c>
      <c r="Q334" s="12"/>
      <c r="R334" s="49" t="s">
        <v>1764</v>
      </c>
      <c r="S334" s="49" t="s">
        <v>1704</v>
      </c>
    </row>
    <row r="335" spans="1:19" s="54" customFormat="1" ht="46.5" customHeight="1" x14ac:dyDescent="0.15">
      <c r="A335" s="47" t="s">
        <v>1655</v>
      </c>
      <c r="B335" s="48" t="str">
        <f>IFERROR(VLOOKUP($A335,削除禁止!$A$1:$J$42,2,0),"")</f>
        <v>入所・居住系</v>
      </c>
      <c r="C335" s="12">
        <v>1620100238</v>
      </c>
      <c r="D335" s="12"/>
      <c r="E335" s="12"/>
      <c r="F335" s="18" t="s">
        <v>489</v>
      </c>
      <c r="G335" s="12">
        <v>18</v>
      </c>
      <c r="H335" s="12" t="s">
        <v>84</v>
      </c>
      <c r="I335" s="16" t="s">
        <v>331</v>
      </c>
      <c r="J335" s="12" t="s">
        <v>624</v>
      </c>
      <c r="K335" s="12" t="s">
        <v>858</v>
      </c>
      <c r="L335" s="18" t="s">
        <v>130</v>
      </c>
      <c r="M335" s="27">
        <v>41000</v>
      </c>
      <c r="N335" s="27">
        <v>47573</v>
      </c>
      <c r="O335" s="10" t="s">
        <v>651</v>
      </c>
      <c r="P335" s="12"/>
      <c r="Q335" s="12"/>
      <c r="R335" s="49" t="s">
        <v>1764</v>
      </c>
      <c r="S335" s="49" t="s">
        <v>1830</v>
      </c>
    </row>
    <row r="336" spans="1:19" s="54" customFormat="1" ht="46.5" customHeight="1" x14ac:dyDescent="0.15">
      <c r="A336" s="47" t="s">
        <v>1655</v>
      </c>
      <c r="B336" s="48" t="str">
        <f>IFERROR(VLOOKUP($A336,削除禁止!$A$1:$J$42,2,0),"")</f>
        <v>入所・居住系</v>
      </c>
      <c r="C336" s="12">
        <v>1620100212</v>
      </c>
      <c r="D336" s="12"/>
      <c r="E336" s="12"/>
      <c r="F336" s="18" t="s">
        <v>522</v>
      </c>
      <c r="G336" s="12">
        <v>4</v>
      </c>
      <c r="H336" s="12" t="s">
        <v>352</v>
      </c>
      <c r="I336" s="16" t="s">
        <v>54</v>
      </c>
      <c r="J336" s="12" t="s">
        <v>748</v>
      </c>
      <c r="K336" s="12" t="s">
        <v>494</v>
      </c>
      <c r="L336" s="18" t="s">
        <v>521</v>
      </c>
      <c r="M336" s="27">
        <v>41000</v>
      </c>
      <c r="N336" s="27">
        <v>47573</v>
      </c>
      <c r="O336" s="12"/>
      <c r="P336" s="12" t="s">
        <v>651</v>
      </c>
      <c r="Q336" s="12"/>
      <c r="R336" s="49" t="s">
        <v>1764</v>
      </c>
      <c r="S336" s="49" t="s">
        <v>1829</v>
      </c>
    </row>
    <row r="337" spans="1:19" s="54" customFormat="1" ht="46.5" customHeight="1" x14ac:dyDescent="0.15">
      <c r="A337" s="47" t="s">
        <v>1655</v>
      </c>
      <c r="B337" s="48" t="str">
        <f>IFERROR(VLOOKUP($A337,削除禁止!$A$1:$J$42,2,0),"")</f>
        <v>入所・居住系</v>
      </c>
      <c r="C337" s="12">
        <v>1620100220</v>
      </c>
      <c r="D337" s="12"/>
      <c r="E337" s="12"/>
      <c r="F337" s="18" t="s">
        <v>528</v>
      </c>
      <c r="G337" s="12">
        <v>4</v>
      </c>
      <c r="H337" s="12" t="s">
        <v>381</v>
      </c>
      <c r="I337" s="16" t="s">
        <v>1375</v>
      </c>
      <c r="J337" s="12" t="s">
        <v>989</v>
      </c>
      <c r="K337" s="12" t="s">
        <v>989</v>
      </c>
      <c r="L337" s="18" t="s">
        <v>419</v>
      </c>
      <c r="M337" s="27">
        <v>41000</v>
      </c>
      <c r="N337" s="27">
        <v>47573</v>
      </c>
      <c r="O337" s="12"/>
      <c r="P337" s="12" t="s">
        <v>651</v>
      </c>
      <c r="Q337" s="12"/>
      <c r="R337" s="49" t="s">
        <v>1764</v>
      </c>
      <c r="S337" s="49" t="s">
        <v>1817</v>
      </c>
    </row>
    <row r="338" spans="1:19" s="54" customFormat="1" ht="46.5" customHeight="1" x14ac:dyDescent="0.15">
      <c r="A338" s="47" t="s">
        <v>1655</v>
      </c>
      <c r="B338" s="48" t="str">
        <f>IFERROR(VLOOKUP($A338,削除禁止!$A$1:$J$42,2,0),"")</f>
        <v>入所・居住系</v>
      </c>
      <c r="C338" s="12">
        <v>1620100253</v>
      </c>
      <c r="D338" s="12"/>
      <c r="E338" s="12"/>
      <c r="F338" s="18" t="s">
        <v>1116</v>
      </c>
      <c r="G338" s="12">
        <v>4</v>
      </c>
      <c r="H338" s="12" t="s">
        <v>24</v>
      </c>
      <c r="I338" s="16" t="s">
        <v>1121</v>
      </c>
      <c r="J338" s="12" t="s">
        <v>667</v>
      </c>
      <c r="K338" s="12" t="s">
        <v>667</v>
      </c>
      <c r="L338" s="18" t="s">
        <v>22</v>
      </c>
      <c r="M338" s="27">
        <v>41394</v>
      </c>
      <c r="N338" s="27">
        <v>45777</v>
      </c>
      <c r="O338" s="10" t="s">
        <v>651</v>
      </c>
      <c r="P338" s="12"/>
      <c r="Q338" s="12"/>
      <c r="R338" s="49" t="s">
        <v>1764</v>
      </c>
      <c r="S338" s="49" t="s">
        <v>1826</v>
      </c>
    </row>
    <row r="339" spans="1:19" s="54" customFormat="1" ht="46.5" customHeight="1" x14ac:dyDescent="0.15">
      <c r="A339" s="47" t="s">
        <v>1655</v>
      </c>
      <c r="B339" s="48" t="str">
        <f>IFERROR(VLOOKUP($A339,削除禁止!$A$1:$J$42,2,0),"")</f>
        <v>入所・居住系</v>
      </c>
      <c r="C339" s="12">
        <v>1620100261</v>
      </c>
      <c r="D339" s="12"/>
      <c r="E339" s="12"/>
      <c r="F339" s="18" t="s">
        <v>132</v>
      </c>
      <c r="G339" s="12">
        <v>4</v>
      </c>
      <c r="H339" s="12" t="s">
        <v>716</v>
      </c>
      <c r="I339" s="16" t="s">
        <v>1376</v>
      </c>
      <c r="J339" s="12" t="s">
        <v>1505</v>
      </c>
      <c r="K339" s="12" t="s">
        <v>520</v>
      </c>
      <c r="L339" s="19" t="s">
        <v>1123</v>
      </c>
      <c r="M339" s="27">
        <v>41516</v>
      </c>
      <c r="N339" s="27">
        <v>45900</v>
      </c>
      <c r="O339" s="10" t="s">
        <v>651</v>
      </c>
      <c r="P339" s="12"/>
      <c r="Q339" s="12"/>
      <c r="R339" s="49" t="s">
        <v>1808</v>
      </c>
      <c r="S339" s="49" t="s">
        <v>1767</v>
      </c>
    </row>
    <row r="340" spans="1:19" s="54" customFormat="1" ht="46.5" customHeight="1" x14ac:dyDescent="0.15">
      <c r="A340" s="47" t="s">
        <v>1655</v>
      </c>
      <c r="B340" s="48" t="str">
        <f>IFERROR(VLOOKUP($A340,削除禁止!$A$1:$J$42,2,0),"")</f>
        <v>入所・居住系</v>
      </c>
      <c r="C340" s="12">
        <v>1620100287</v>
      </c>
      <c r="D340" s="12"/>
      <c r="E340" s="12"/>
      <c r="F340" s="16" t="s">
        <v>1319</v>
      </c>
      <c r="G340" s="12">
        <v>9</v>
      </c>
      <c r="H340" s="12" t="s">
        <v>743</v>
      </c>
      <c r="I340" s="16" t="s">
        <v>1335</v>
      </c>
      <c r="J340" s="12" t="s">
        <v>734</v>
      </c>
      <c r="K340" s="12" t="s">
        <v>734</v>
      </c>
      <c r="L340" s="19" t="s">
        <v>85</v>
      </c>
      <c r="M340" s="27">
        <v>42826</v>
      </c>
      <c r="N340" s="27">
        <v>47208</v>
      </c>
      <c r="O340" s="12"/>
      <c r="P340" s="12" t="s">
        <v>651</v>
      </c>
      <c r="Q340" s="12"/>
      <c r="R340" s="49" t="s">
        <v>1764</v>
      </c>
      <c r="S340" s="49" t="s">
        <v>1775</v>
      </c>
    </row>
    <row r="341" spans="1:19" s="54" customFormat="1" ht="46.5" customHeight="1" x14ac:dyDescent="0.15">
      <c r="A341" s="47" t="s">
        <v>1655</v>
      </c>
      <c r="B341" s="48" t="str">
        <f>IFERROR(VLOOKUP($A341,削除禁止!$A$1:$J$42,2,0),"")</f>
        <v>入所・居住系</v>
      </c>
      <c r="C341" s="12">
        <v>1620100303</v>
      </c>
      <c r="D341" s="12"/>
      <c r="E341" s="12"/>
      <c r="F341" s="16" t="s">
        <v>1120</v>
      </c>
      <c r="G341" s="12">
        <v>20</v>
      </c>
      <c r="H341" s="12" t="s">
        <v>155</v>
      </c>
      <c r="I341" s="16" t="s">
        <v>1377</v>
      </c>
      <c r="J341" s="12" t="s">
        <v>1507</v>
      </c>
      <c r="K341" s="12" t="s">
        <v>527</v>
      </c>
      <c r="L341" s="19" t="s">
        <v>948</v>
      </c>
      <c r="M341" s="27">
        <v>43525</v>
      </c>
      <c r="N341" s="27">
        <v>45716</v>
      </c>
      <c r="O341" s="12"/>
      <c r="P341" s="12" t="s">
        <v>651</v>
      </c>
      <c r="Q341" s="12"/>
      <c r="R341" s="49" t="s">
        <v>1764</v>
      </c>
      <c r="S341" s="49" t="s">
        <v>1819</v>
      </c>
    </row>
    <row r="342" spans="1:19" s="54" customFormat="1" ht="46.5" customHeight="1" x14ac:dyDescent="0.15">
      <c r="A342" s="47" t="s">
        <v>1655</v>
      </c>
      <c r="B342" s="48" t="str">
        <f>IFERROR(VLOOKUP($A342,削除禁止!$A$1:$J$42,2,0),"")</f>
        <v>入所・居住系</v>
      </c>
      <c r="C342" s="12">
        <v>1620100329</v>
      </c>
      <c r="D342" s="12"/>
      <c r="E342" s="12"/>
      <c r="F342" s="16" t="s">
        <v>871</v>
      </c>
      <c r="G342" s="12">
        <v>20</v>
      </c>
      <c r="H342" s="12" t="s">
        <v>382</v>
      </c>
      <c r="I342" s="16" t="s">
        <v>1337</v>
      </c>
      <c r="J342" s="12" t="s">
        <v>1108</v>
      </c>
      <c r="K342" s="12" t="s">
        <v>1499</v>
      </c>
      <c r="L342" s="19" t="s">
        <v>988</v>
      </c>
      <c r="M342" s="27">
        <v>43862</v>
      </c>
      <c r="N342" s="27">
        <v>46053</v>
      </c>
      <c r="O342" s="12"/>
      <c r="P342" s="12"/>
      <c r="Q342" s="12" t="s">
        <v>651</v>
      </c>
      <c r="R342" s="49" t="s">
        <v>1764</v>
      </c>
      <c r="S342" s="49" t="s">
        <v>1520</v>
      </c>
    </row>
    <row r="343" spans="1:19" s="54" customFormat="1" ht="46.5" customHeight="1" x14ac:dyDescent="0.15">
      <c r="A343" s="47" t="s">
        <v>1655</v>
      </c>
      <c r="B343" s="48" t="str">
        <f>IFERROR(VLOOKUP($A343,削除禁止!$A$1:$J$42,2,0),"")</f>
        <v>入所・居住系</v>
      </c>
      <c r="C343" s="12">
        <v>1620100311</v>
      </c>
      <c r="D343" s="12"/>
      <c r="E343" s="12"/>
      <c r="F343" s="16" t="s">
        <v>1088</v>
      </c>
      <c r="G343" s="12">
        <v>13</v>
      </c>
      <c r="H343" s="12" t="s">
        <v>898</v>
      </c>
      <c r="I343" s="16" t="s">
        <v>1379</v>
      </c>
      <c r="J343" s="12" t="s">
        <v>1508</v>
      </c>
      <c r="K343" s="12" t="s">
        <v>1449</v>
      </c>
      <c r="L343" s="19" t="s">
        <v>470</v>
      </c>
      <c r="M343" s="27">
        <v>43862</v>
      </c>
      <c r="N343" s="27">
        <v>46053</v>
      </c>
      <c r="O343" s="12"/>
      <c r="P343" s="12" t="s">
        <v>651</v>
      </c>
      <c r="Q343" s="12"/>
      <c r="R343" s="49" t="s">
        <v>1764</v>
      </c>
      <c r="S343" s="49" t="s">
        <v>1820</v>
      </c>
    </row>
    <row r="344" spans="1:19" s="54" customFormat="1" ht="46.5" customHeight="1" x14ac:dyDescent="0.15">
      <c r="A344" s="47" t="s">
        <v>1655</v>
      </c>
      <c r="B344" s="48" t="str">
        <f>IFERROR(VLOOKUP($A344,削除禁止!$A$1:$J$42,2,0),"")</f>
        <v>入所・居住系</v>
      </c>
      <c r="C344" s="12">
        <v>1620100345</v>
      </c>
      <c r="D344" s="12"/>
      <c r="E344" s="12"/>
      <c r="F344" s="16" t="s">
        <v>556</v>
      </c>
      <c r="G344" s="12">
        <v>8</v>
      </c>
      <c r="H344" s="12" t="s">
        <v>620</v>
      </c>
      <c r="I344" s="16" t="s">
        <v>1673</v>
      </c>
      <c r="J344" s="12" t="s">
        <v>902</v>
      </c>
      <c r="K344" s="12"/>
      <c r="L344" s="19" t="s">
        <v>408</v>
      </c>
      <c r="M344" s="27">
        <v>43922</v>
      </c>
      <c r="N344" s="27">
        <v>46112</v>
      </c>
      <c r="O344" s="12"/>
      <c r="P344" s="12" t="s">
        <v>651</v>
      </c>
      <c r="Q344" s="12"/>
      <c r="R344" s="49" t="s">
        <v>1764</v>
      </c>
      <c r="S344" s="49" t="s">
        <v>1830</v>
      </c>
    </row>
    <row r="345" spans="1:19" s="54" customFormat="1" ht="46.5" customHeight="1" x14ac:dyDescent="0.15">
      <c r="A345" s="47" t="s">
        <v>1655</v>
      </c>
      <c r="B345" s="48" t="str">
        <f>IFERROR(VLOOKUP($A345,削除禁止!$A$1:$J$42,2,0),"")</f>
        <v>入所・居住系</v>
      </c>
      <c r="C345" s="12">
        <v>1620100337</v>
      </c>
      <c r="D345" s="12"/>
      <c r="E345" s="12"/>
      <c r="F345" s="16" t="s">
        <v>1259</v>
      </c>
      <c r="G345" s="12">
        <v>5</v>
      </c>
      <c r="H345" s="12" t="s">
        <v>1771</v>
      </c>
      <c r="I345" s="16" t="s">
        <v>1613</v>
      </c>
      <c r="J345" s="12" t="s">
        <v>501</v>
      </c>
      <c r="K345" s="12" t="s">
        <v>1315</v>
      </c>
      <c r="L345" s="19" t="s">
        <v>1056</v>
      </c>
      <c r="M345" s="27">
        <v>43922</v>
      </c>
      <c r="N345" s="27">
        <v>46112</v>
      </c>
      <c r="O345" s="10" t="s">
        <v>651</v>
      </c>
      <c r="P345" s="12"/>
      <c r="Q345" s="12"/>
      <c r="R345" s="49" t="s">
        <v>1764</v>
      </c>
      <c r="S345" s="49" t="s">
        <v>1820</v>
      </c>
    </row>
    <row r="346" spans="1:19" s="54" customFormat="1" ht="46.5" customHeight="1" x14ac:dyDescent="0.15">
      <c r="A346" s="47" t="s">
        <v>1655</v>
      </c>
      <c r="B346" s="48" t="str">
        <f>IFERROR(VLOOKUP($A346,削除禁止!$A$1:$J$42,2,0),"")</f>
        <v>入所・居住系</v>
      </c>
      <c r="C346" s="12">
        <v>1620100352</v>
      </c>
      <c r="D346" s="12"/>
      <c r="E346" s="12"/>
      <c r="F346" s="16" t="s">
        <v>1122</v>
      </c>
      <c r="G346" s="12">
        <v>17</v>
      </c>
      <c r="H346" s="12" t="s">
        <v>1586</v>
      </c>
      <c r="I346" s="16" t="s">
        <v>1803</v>
      </c>
      <c r="J346" s="12" t="s">
        <v>1509</v>
      </c>
      <c r="K346" s="12" t="s">
        <v>1509</v>
      </c>
      <c r="L346" s="19" t="s">
        <v>1054</v>
      </c>
      <c r="M346" s="27">
        <v>43983</v>
      </c>
      <c r="N346" s="27">
        <v>46173</v>
      </c>
      <c r="O346" s="10"/>
      <c r="P346" s="10" t="s">
        <v>651</v>
      </c>
      <c r="Q346" s="12"/>
      <c r="R346" s="49" t="s">
        <v>1764</v>
      </c>
      <c r="S346" s="49" t="s">
        <v>562</v>
      </c>
    </row>
    <row r="347" spans="1:19" s="54" customFormat="1" ht="46.5" customHeight="1" x14ac:dyDescent="0.15">
      <c r="A347" s="47" t="s">
        <v>1655</v>
      </c>
      <c r="B347" s="48" t="str">
        <f>IFERROR(VLOOKUP($A347,削除禁止!$A$1:$J$42,2,0),"")</f>
        <v>入所・居住系</v>
      </c>
      <c r="C347" s="12">
        <v>1620100378</v>
      </c>
      <c r="D347" s="12"/>
      <c r="E347" s="12"/>
      <c r="F347" s="16" t="s">
        <v>467</v>
      </c>
      <c r="G347" s="12">
        <v>7</v>
      </c>
      <c r="H347" s="12" t="s">
        <v>519</v>
      </c>
      <c r="I347" s="16" t="s">
        <v>1007</v>
      </c>
      <c r="J347" s="12" t="s">
        <v>1493</v>
      </c>
      <c r="K347" s="12" t="s">
        <v>1493</v>
      </c>
      <c r="L347" s="19" t="s">
        <v>665</v>
      </c>
      <c r="M347" s="27">
        <v>44136</v>
      </c>
      <c r="N347" s="27">
        <v>46326</v>
      </c>
      <c r="O347" s="10"/>
      <c r="P347" s="10" t="s">
        <v>651</v>
      </c>
      <c r="Q347" s="12"/>
      <c r="R347" s="49" t="s">
        <v>1008</v>
      </c>
      <c r="S347" s="49" t="s">
        <v>1835</v>
      </c>
    </row>
    <row r="348" spans="1:19" s="54" customFormat="1" ht="46.5" customHeight="1" x14ac:dyDescent="0.15">
      <c r="A348" s="47" t="s">
        <v>1655</v>
      </c>
      <c r="B348" s="48" t="str">
        <f>IFERROR(VLOOKUP($A348,削除禁止!$A$1:$J$42,2,0),"")</f>
        <v>入所・居住系</v>
      </c>
      <c r="C348" s="12">
        <v>1620100386</v>
      </c>
      <c r="D348" s="12"/>
      <c r="E348" s="12"/>
      <c r="F348" s="16" t="s">
        <v>1103</v>
      </c>
      <c r="G348" s="12">
        <v>20</v>
      </c>
      <c r="H348" s="12" t="s">
        <v>910</v>
      </c>
      <c r="I348" s="16" t="s">
        <v>1338</v>
      </c>
      <c r="J348" s="12" t="s">
        <v>1500</v>
      </c>
      <c r="K348" s="12" t="s">
        <v>1258</v>
      </c>
      <c r="L348" s="19" t="s">
        <v>879</v>
      </c>
      <c r="M348" s="27">
        <v>44287</v>
      </c>
      <c r="N348" s="27">
        <v>46477</v>
      </c>
      <c r="O348" s="10"/>
      <c r="P348" s="10"/>
      <c r="Q348" s="10" t="s">
        <v>651</v>
      </c>
      <c r="R348" s="49" t="s">
        <v>1764</v>
      </c>
      <c r="S348" s="49" t="s">
        <v>1817</v>
      </c>
    </row>
    <row r="349" spans="1:19" s="54" customFormat="1" ht="46.5" customHeight="1" x14ac:dyDescent="0.15">
      <c r="A349" s="47" t="s">
        <v>1655</v>
      </c>
      <c r="B349" s="48" t="str">
        <f>IFERROR(VLOOKUP($A349,削除禁止!$A$1:$J$42,2,0),"")</f>
        <v>入所・居住系</v>
      </c>
      <c r="C349" s="11">
        <v>1620100402</v>
      </c>
      <c r="D349" s="12"/>
      <c r="E349" s="12"/>
      <c r="F349" s="55" t="s">
        <v>1625</v>
      </c>
      <c r="G349" s="12">
        <v>7</v>
      </c>
      <c r="H349" s="11" t="s">
        <v>1945</v>
      </c>
      <c r="I349" s="55" t="s">
        <v>1915</v>
      </c>
      <c r="J349" s="11" t="s">
        <v>1445</v>
      </c>
      <c r="K349" s="10" t="s">
        <v>1445</v>
      </c>
      <c r="L349" s="19" t="s">
        <v>665</v>
      </c>
      <c r="M349" s="56">
        <v>44501</v>
      </c>
      <c r="N349" s="56">
        <v>46691</v>
      </c>
      <c r="O349" s="52"/>
      <c r="P349" s="10" t="s">
        <v>651</v>
      </c>
      <c r="Q349" s="52"/>
      <c r="R349" s="49" t="s">
        <v>1764</v>
      </c>
      <c r="S349" s="49" t="s">
        <v>1829</v>
      </c>
    </row>
    <row r="350" spans="1:19" s="54" customFormat="1" ht="46.5" customHeight="1" x14ac:dyDescent="0.15">
      <c r="A350" s="47" t="s">
        <v>1655</v>
      </c>
      <c r="B350" s="48" t="str">
        <f>IFERROR(VLOOKUP($A350,削除禁止!$A$1:$J$42,2,0),"")</f>
        <v>入所・居住系</v>
      </c>
      <c r="C350" s="11">
        <v>1620100410</v>
      </c>
      <c r="D350" s="12"/>
      <c r="E350" s="12"/>
      <c r="F350" s="55" t="s">
        <v>1637</v>
      </c>
      <c r="G350" s="12">
        <v>20</v>
      </c>
      <c r="H350" s="11" t="s">
        <v>1446</v>
      </c>
      <c r="I350" s="55" t="s">
        <v>1115</v>
      </c>
      <c r="J350" s="11" t="s">
        <v>412</v>
      </c>
      <c r="K350" s="10" t="s">
        <v>1477</v>
      </c>
      <c r="L350" s="19" t="s">
        <v>1646</v>
      </c>
      <c r="M350" s="56">
        <v>44682</v>
      </c>
      <c r="N350" s="56">
        <v>46873</v>
      </c>
      <c r="O350" s="52"/>
      <c r="P350" s="10"/>
      <c r="Q350" s="10" t="s">
        <v>651</v>
      </c>
      <c r="R350" s="49" t="s">
        <v>1764</v>
      </c>
      <c r="S350" s="49" t="s">
        <v>1817</v>
      </c>
    </row>
    <row r="351" spans="1:19" s="54" customFormat="1" ht="46.5" customHeight="1" x14ac:dyDescent="0.15">
      <c r="A351" s="47" t="s">
        <v>1655</v>
      </c>
      <c r="B351" s="48" t="str">
        <f>IFERROR(VLOOKUP($A351,削除禁止!$A$1:$J$42,2,0),"")</f>
        <v>入所・居住系</v>
      </c>
      <c r="C351" s="11">
        <v>1620100444</v>
      </c>
      <c r="D351" s="12"/>
      <c r="E351" s="12"/>
      <c r="F351" s="55" t="s">
        <v>1736</v>
      </c>
      <c r="G351" s="12">
        <v>10</v>
      </c>
      <c r="H351" s="11" t="s">
        <v>837</v>
      </c>
      <c r="I351" s="55" t="s">
        <v>1806</v>
      </c>
      <c r="J351" s="11" t="s">
        <v>1508</v>
      </c>
      <c r="K351" s="10" t="s">
        <v>517</v>
      </c>
      <c r="L351" s="19" t="s">
        <v>470</v>
      </c>
      <c r="M351" s="27">
        <v>44743</v>
      </c>
      <c r="N351" s="27">
        <v>46934</v>
      </c>
      <c r="O351" s="52"/>
      <c r="P351" s="10" t="s">
        <v>651</v>
      </c>
      <c r="Q351" s="52"/>
      <c r="R351" s="49" t="s">
        <v>1764</v>
      </c>
      <c r="S351" s="49" t="s">
        <v>1820</v>
      </c>
    </row>
    <row r="352" spans="1:19" s="54" customFormat="1" ht="46.5" customHeight="1" x14ac:dyDescent="0.15">
      <c r="A352" s="47" t="s">
        <v>1655</v>
      </c>
      <c r="B352" s="48" t="str">
        <f>IFERROR(VLOOKUP($A352,削除禁止!$A$1:$J$42,2,0),"")</f>
        <v>入所・居住系</v>
      </c>
      <c r="C352" s="12">
        <v>1620100436</v>
      </c>
      <c r="D352" s="12"/>
      <c r="E352" s="12"/>
      <c r="F352" s="16" t="s">
        <v>1636</v>
      </c>
      <c r="G352" s="12">
        <v>4</v>
      </c>
      <c r="H352" s="12" t="s">
        <v>599</v>
      </c>
      <c r="I352" s="16" t="s">
        <v>1380</v>
      </c>
      <c r="J352" s="12" t="s">
        <v>490</v>
      </c>
      <c r="K352" s="12"/>
      <c r="L352" s="19" t="s">
        <v>679</v>
      </c>
      <c r="M352" s="27">
        <v>44743</v>
      </c>
      <c r="N352" s="27">
        <v>46934</v>
      </c>
      <c r="O352" s="10"/>
      <c r="P352" s="12" t="s">
        <v>651</v>
      </c>
      <c r="Q352" s="12"/>
      <c r="R352" s="49" t="s">
        <v>1764</v>
      </c>
      <c r="S352" s="49" t="s">
        <v>1775</v>
      </c>
    </row>
    <row r="353" spans="1:19" s="54" customFormat="1" ht="46.5" customHeight="1" x14ac:dyDescent="0.15">
      <c r="A353" s="47" t="s">
        <v>1655</v>
      </c>
      <c r="B353" s="48" t="str">
        <f>IFERROR(VLOOKUP($A353,削除禁止!$A$1:$J$42,2,0),"")</f>
        <v>入所・居住系</v>
      </c>
      <c r="C353" s="11">
        <v>1620100428</v>
      </c>
      <c r="D353" s="12"/>
      <c r="E353" s="12"/>
      <c r="F353" s="55" t="s">
        <v>1735</v>
      </c>
      <c r="G353" s="12">
        <v>4</v>
      </c>
      <c r="H353" s="11" t="s">
        <v>91</v>
      </c>
      <c r="I353" s="55" t="s">
        <v>1629</v>
      </c>
      <c r="J353" s="11" t="s">
        <v>775</v>
      </c>
      <c r="K353" s="10"/>
      <c r="L353" s="19" t="s">
        <v>679</v>
      </c>
      <c r="M353" s="27">
        <v>44743</v>
      </c>
      <c r="N353" s="27">
        <v>46934</v>
      </c>
      <c r="O353" s="52"/>
      <c r="P353" s="10" t="s">
        <v>651</v>
      </c>
      <c r="Q353" s="52"/>
      <c r="R353" s="49" t="s">
        <v>1764</v>
      </c>
      <c r="S353" s="49" t="s">
        <v>1830</v>
      </c>
    </row>
    <row r="354" spans="1:19" s="54" customFormat="1" ht="46.5" customHeight="1" x14ac:dyDescent="0.15">
      <c r="A354" s="47" t="s">
        <v>1655</v>
      </c>
      <c r="B354" s="48" t="str">
        <f>IFERROR(VLOOKUP($A354,削除禁止!$A$1:$J$42,2,0),"")</f>
        <v>入所・居住系</v>
      </c>
      <c r="C354" s="11">
        <v>1620100451</v>
      </c>
      <c r="D354" s="12"/>
      <c r="E354" s="12"/>
      <c r="F354" s="55" t="s">
        <v>418</v>
      </c>
      <c r="G354" s="12">
        <v>4</v>
      </c>
      <c r="H354" s="11" t="s">
        <v>1192</v>
      </c>
      <c r="I354" s="55" t="s">
        <v>1693</v>
      </c>
      <c r="J354" s="11" t="s">
        <v>1619</v>
      </c>
      <c r="K354" s="10" t="s">
        <v>1224</v>
      </c>
      <c r="L354" s="19" t="s">
        <v>1714</v>
      </c>
      <c r="M354" s="27">
        <v>44958</v>
      </c>
      <c r="N354" s="27">
        <v>47149</v>
      </c>
      <c r="O354" s="52"/>
      <c r="P354" s="10" t="s">
        <v>651</v>
      </c>
      <c r="Q354" s="52"/>
      <c r="R354" s="49" t="s">
        <v>1764</v>
      </c>
      <c r="S354" s="49" t="s">
        <v>1527</v>
      </c>
    </row>
    <row r="355" spans="1:19" s="54" customFormat="1" ht="46.5" customHeight="1" x14ac:dyDescent="0.15">
      <c r="A355" s="47" t="s">
        <v>1655</v>
      </c>
      <c r="B355" s="48" t="str">
        <f>IFERROR(VLOOKUP($A355,削除禁止!$A$1:$J$42,2,0),"")</f>
        <v>入所・居住系</v>
      </c>
      <c r="C355" s="11">
        <v>1620100469</v>
      </c>
      <c r="D355" s="12"/>
      <c r="E355" s="12"/>
      <c r="F355" s="55" t="s">
        <v>1737</v>
      </c>
      <c r="G355" s="12">
        <v>7</v>
      </c>
      <c r="H355" s="11" t="s">
        <v>1537</v>
      </c>
      <c r="I355" s="55" t="s">
        <v>26</v>
      </c>
      <c r="J355" s="11" t="s">
        <v>1721</v>
      </c>
      <c r="K355" s="10"/>
      <c r="L355" s="19" t="s">
        <v>1751</v>
      </c>
      <c r="M355" s="27">
        <v>44986</v>
      </c>
      <c r="N355" s="27">
        <v>47177</v>
      </c>
      <c r="O355" s="52"/>
      <c r="P355" s="10" t="s">
        <v>651</v>
      </c>
      <c r="Q355" s="52"/>
      <c r="R355" s="49" t="s">
        <v>1809</v>
      </c>
      <c r="S355" s="49" t="s">
        <v>175</v>
      </c>
    </row>
    <row r="356" spans="1:19" s="54" customFormat="1" ht="46.5" customHeight="1" x14ac:dyDescent="0.15">
      <c r="A356" s="47" t="s">
        <v>1655</v>
      </c>
      <c r="B356" s="48" t="str">
        <f>IFERROR(VLOOKUP($A356,削除禁止!$A$1:$J$42,2,0),"")</f>
        <v>入所・居住系</v>
      </c>
      <c r="C356" s="11">
        <v>1620100485</v>
      </c>
      <c r="D356" s="12"/>
      <c r="E356" s="12"/>
      <c r="F356" s="55" t="s">
        <v>1855</v>
      </c>
      <c r="G356" s="12">
        <v>6</v>
      </c>
      <c r="H356" s="11" t="s">
        <v>1435</v>
      </c>
      <c r="I356" s="55" t="s">
        <v>1856</v>
      </c>
      <c r="J356" s="11" t="s">
        <v>1857</v>
      </c>
      <c r="K356" s="10" t="s">
        <v>1601</v>
      </c>
      <c r="L356" s="19" t="s">
        <v>1268</v>
      </c>
      <c r="M356" s="27">
        <v>45047</v>
      </c>
      <c r="N356" s="27">
        <v>47238</v>
      </c>
      <c r="O356" s="52"/>
      <c r="P356" s="10" t="s">
        <v>651</v>
      </c>
      <c r="Q356" s="52"/>
      <c r="R356" s="49" t="s">
        <v>1008</v>
      </c>
      <c r="S356" s="49" t="s">
        <v>1835</v>
      </c>
    </row>
    <row r="357" spans="1:19" s="54" customFormat="1" ht="46.5" customHeight="1" x14ac:dyDescent="0.15">
      <c r="A357" s="47" t="s">
        <v>1655</v>
      </c>
      <c r="B357" s="48" t="str">
        <f>IFERROR(VLOOKUP($A357,削除禁止!$A$1:$J$42,2,0),"")</f>
        <v>入所・居住系</v>
      </c>
      <c r="C357" s="11">
        <v>1620100477</v>
      </c>
      <c r="D357" s="12"/>
      <c r="E357" s="12"/>
      <c r="F357" s="55" t="s">
        <v>282</v>
      </c>
      <c r="G357" s="12">
        <v>12</v>
      </c>
      <c r="H357" s="11" t="s">
        <v>1278</v>
      </c>
      <c r="I357" s="55" t="s">
        <v>1801</v>
      </c>
      <c r="J357" s="11" t="s">
        <v>661</v>
      </c>
      <c r="K357" s="10"/>
      <c r="L357" s="19" t="s">
        <v>1769</v>
      </c>
      <c r="M357" s="27">
        <v>45078</v>
      </c>
      <c r="N357" s="27">
        <v>47269</v>
      </c>
      <c r="O357" s="52"/>
      <c r="P357" s="10" t="s">
        <v>651</v>
      </c>
      <c r="Q357" s="52"/>
      <c r="R357" s="49" t="s">
        <v>1764</v>
      </c>
      <c r="S357" s="49" t="s">
        <v>1813</v>
      </c>
    </row>
    <row r="358" spans="1:19" s="54" customFormat="1" ht="46.5" customHeight="1" x14ac:dyDescent="0.15">
      <c r="A358" s="47" t="s">
        <v>1655</v>
      </c>
      <c r="B358" s="48" t="str">
        <f>IFERROR(VLOOKUP($A358,削除禁止!$A$1:$J$42,2,0),"")</f>
        <v>入所・居住系</v>
      </c>
      <c r="C358" s="11">
        <v>1620100493</v>
      </c>
      <c r="D358" s="12"/>
      <c r="E358" s="12"/>
      <c r="F358" s="55" t="s">
        <v>1241</v>
      </c>
      <c r="G358" s="12">
        <v>7</v>
      </c>
      <c r="H358" s="11" t="s">
        <v>346</v>
      </c>
      <c r="I358" s="55" t="s">
        <v>1774</v>
      </c>
      <c r="J358" s="11" t="s">
        <v>1699</v>
      </c>
      <c r="K358" s="10" t="s">
        <v>1699</v>
      </c>
      <c r="L358" s="19" t="s">
        <v>1791</v>
      </c>
      <c r="M358" s="27">
        <v>45139</v>
      </c>
      <c r="N358" s="27">
        <v>47330</v>
      </c>
      <c r="O358" s="52"/>
      <c r="P358" s="10" t="s">
        <v>651</v>
      </c>
      <c r="Q358" s="52"/>
      <c r="R358" s="49" t="s">
        <v>1764</v>
      </c>
      <c r="S358" s="49" t="s">
        <v>1822</v>
      </c>
    </row>
    <row r="359" spans="1:19" s="54" customFormat="1" ht="46.5" customHeight="1" x14ac:dyDescent="0.15">
      <c r="A359" s="47" t="s">
        <v>1655</v>
      </c>
      <c r="B359" s="48" t="str">
        <f>IFERROR(VLOOKUP($A359,削除禁止!$A$1:$J$42,2,0),"")</f>
        <v>入所・居住系</v>
      </c>
      <c r="C359" s="11">
        <v>1620100501</v>
      </c>
      <c r="D359" s="12"/>
      <c r="E359" s="12"/>
      <c r="F359" s="55" t="s">
        <v>1879</v>
      </c>
      <c r="G359" s="12">
        <v>6</v>
      </c>
      <c r="H359" s="11" t="s">
        <v>1796</v>
      </c>
      <c r="I359" s="55" t="s">
        <v>1873</v>
      </c>
      <c r="J359" s="11" t="s">
        <v>1071</v>
      </c>
      <c r="K359" s="10"/>
      <c r="L359" s="19" t="s">
        <v>1802</v>
      </c>
      <c r="M359" s="27">
        <v>45200</v>
      </c>
      <c r="N359" s="27">
        <v>47391</v>
      </c>
      <c r="O359" s="52"/>
      <c r="P359" s="10" t="s">
        <v>651</v>
      </c>
      <c r="Q359" s="52"/>
      <c r="R359" s="49" t="s">
        <v>1764</v>
      </c>
      <c r="S359" s="49" t="s">
        <v>1792</v>
      </c>
    </row>
    <row r="360" spans="1:19" s="54" customFormat="1" ht="46.5" customHeight="1" x14ac:dyDescent="0.15">
      <c r="A360" s="47" t="s">
        <v>1655</v>
      </c>
      <c r="B360" s="48" t="str">
        <f>IFERROR(VLOOKUP($A360,削除禁止!$A$1:$J$42,2,0),"")</f>
        <v>入所・居住系</v>
      </c>
      <c r="C360" s="11">
        <v>1620100519</v>
      </c>
      <c r="D360" s="12"/>
      <c r="E360" s="12"/>
      <c r="F360" s="55" t="s">
        <v>1874</v>
      </c>
      <c r="G360" s="12">
        <v>5</v>
      </c>
      <c r="H360" s="11" t="s">
        <v>340</v>
      </c>
      <c r="I360" s="55" t="s">
        <v>1875</v>
      </c>
      <c r="J360" s="11" t="s">
        <v>1876</v>
      </c>
      <c r="K360" s="10" t="s">
        <v>1623</v>
      </c>
      <c r="L360" s="19" t="s">
        <v>937</v>
      </c>
      <c r="M360" s="27">
        <v>45200</v>
      </c>
      <c r="N360" s="27">
        <v>47391</v>
      </c>
      <c r="O360" s="52"/>
      <c r="P360" s="10" t="s">
        <v>651</v>
      </c>
      <c r="Q360" s="52"/>
      <c r="R360" s="49" t="s">
        <v>1764</v>
      </c>
      <c r="S360" s="49" t="s">
        <v>1794</v>
      </c>
    </row>
    <row r="361" spans="1:19" s="54" customFormat="1" ht="46.5" customHeight="1" x14ac:dyDescent="0.15">
      <c r="A361" s="47" t="s">
        <v>1655</v>
      </c>
      <c r="B361" s="48" t="str">
        <f>IFERROR(VLOOKUP($A361,削除禁止!$A$1:$J$42,2,0),"")</f>
        <v>入所・居住系</v>
      </c>
      <c r="C361" s="11">
        <v>1620100527</v>
      </c>
      <c r="D361" s="12"/>
      <c r="E361" s="12"/>
      <c r="F361" s="55" t="s">
        <v>1890</v>
      </c>
      <c r="G361" s="12">
        <v>7</v>
      </c>
      <c r="H361" s="11" t="s">
        <v>1531</v>
      </c>
      <c r="I361" s="55" t="s">
        <v>1891</v>
      </c>
      <c r="J361" s="11" t="s">
        <v>1631</v>
      </c>
      <c r="K361" s="10" t="s">
        <v>1892</v>
      </c>
      <c r="L361" s="19" t="s">
        <v>1893</v>
      </c>
      <c r="M361" s="27">
        <v>45261</v>
      </c>
      <c r="N361" s="27">
        <v>47452</v>
      </c>
      <c r="O361" s="52"/>
      <c r="P361" s="10" t="s">
        <v>651</v>
      </c>
      <c r="Q361" s="52"/>
      <c r="R361" s="49" t="s">
        <v>1764</v>
      </c>
      <c r="S361" s="49" t="s">
        <v>1602</v>
      </c>
    </row>
    <row r="362" spans="1:19" s="54" customFormat="1" ht="46.5" customHeight="1" x14ac:dyDescent="0.15">
      <c r="A362" s="47" t="s">
        <v>1655</v>
      </c>
      <c r="B362" s="48" t="str">
        <f>IFERROR(VLOOKUP($A362,削除禁止!$A$1:$J$42,2,0),"")</f>
        <v>入所・居住系</v>
      </c>
      <c r="C362" s="11">
        <v>1620100535</v>
      </c>
      <c r="D362" s="12"/>
      <c r="E362" s="12"/>
      <c r="F362" s="55" t="s">
        <v>1896</v>
      </c>
      <c r="G362" s="12">
        <v>20</v>
      </c>
      <c r="H362" s="11" t="s">
        <v>1192</v>
      </c>
      <c r="I362" s="55" t="s">
        <v>1897</v>
      </c>
      <c r="J362" s="11" t="s">
        <v>1898</v>
      </c>
      <c r="K362" s="10" t="s">
        <v>1899</v>
      </c>
      <c r="L362" s="19" t="s">
        <v>1888</v>
      </c>
      <c r="M362" s="27">
        <v>45292</v>
      </c>
      <c r="N362" s="27">
        <v>47483</v>
      </c>
      <c r="O362" s="52"/>
      <c r="P362" s="10" t="s">
        <v>651</v>
      </c>
      <c r="Q362" s="52"/>
      <c r="R362" s="49" t="s">
        <v>1764</v>
      </c>
      <c r="S362" s="49" t="s">
        <v>1525</v>
      </c>
    </row>
    <row r="363" spans="1:19" s="54" customFormat="1" ht="46.5" customHeight="1" x14ac:dyDescent="0.15">
      <c r="A363" s="47" t="s">
        <v>203</v>
      </c>
      <c r="B363" s="48" t="str">
        <f>IFERROR(VLOOKUP($A363,削除禁止!$A$1:$J$42,2,0),"")</f>
        <v>入所・居住系</v>
      </c>
      <c r="C363" s="12">
        <v>1610100073</v>
      </c>
      <c r="D363" s="12"/>
      <c r="E363" s="12"/>
      <c r="F363" s="18" t="s">
        <v>425</v>
      </c>
      <c r="G363" s="12">
        <v>51</v>
      </c>
      <c r="H363" s="12" t="s">
        <v>409</v>
      </c>
      <c r="I363" s="16" t="s">
        <v>1608</v>
      </c>
      <c r="J363" s="12" t="s">
        <v>410</v>
      </c>
      <c r="K363" s="12" t="s">
        <v>415</v>
      </c>
      <c r="L363" s="18" t="s">
        <v>407</v>
      </c>
      <c r="M363" s="27">
        <v>39173</v>
      </c>
      <c r="N363" s="27">
        <v>45747</v>
      </c>
      <c r="O363" s="52"/>
      <c r="P363" s="52"/>
      <c r="Q363" s="52"/>
      <c r="R363" s="49" t="s">
        <v>1764</v>
      </c>
      <c r="S363" s="49" t="s">
        <v>1704</v>
      </c>
    </row>
    <row r="364" spans="1:19" s="53" customFormat="1" ht="46.5" customHeight="1" x14ac:dyDescent="0.15">
      <c r="A364" s="47" t="s">
        <v>203</v>
      </c>
      <c r="B364" s="48" t="str">
        <f>IFERROR(VLOOKUP($A364,削除禁止!$A$1:$J$42,2,0),"")</f>
        <v>入所・居住系</v>
      </c>
      <c r="C364" s="12">
        <v>1610100032</v>
      </c>
      <c r="D364" s="12"/>
      <c r="E364" s="12"/>
      <c r="F364" s="18" t="s">
        <v>170</v>
      </c>
      <c r="G364" s="12">
        <v>60</v>
      </c>
      <c r="H364" s="10" t="s">
        <v>1541</v>
      </c>
      <c r="I364" s="16" t="s">
        <v>1330</v>
      </c>
      <c r="J364" s="12" t="s">
        <v>267</v>
      </c>
      <c r="K364" s="12" t="s">
        <v>276</v>
      </c>
      <c r="L364" s="18" t="s">
        <v>279</v>
      </c>
      <c r="M364" s="27">
        <v>40269</v>
      </c>
      <c r="N364" s="26">
        <v>46843</v>
      </c>
      <c r="O364" s="52"/>
      <c r="P364" s="52"/>
      <c r="Q364" s="52"/>
      <c r="R364" s="49" t="s">
        <v>1808</v>
      </c>
      <c r="S364" s="49" t="s">
        <v>1767</v>
      </c>
    </row>
    <row r="365" spans="1:19" s="53" customFormat="1" ht="46.5" customHeight="1" x14ac:dyDescent="0.15">
      <c r="A365" s="47" t="s">
        <v>203</v>
      </c>
      <c r="B365" s="48" t="str">
        <f>IFERROR(VLOOKUP($A365,削除禁止!$A$1:$J$42,2,0),"")</f>
        <v>入所・居住系</v>
      </c>
      <c r="C365" s="12">
        <v>1610100081</v>
      </c>
      <c r="D365" s="12"/>
      <c r="E365" s="12"/>
      <c r="F365" s="18" t="s">
        <v>390</v>
      </c>
      <c r="G365" s="10">
        <v>60</v>
      </c>
      <c r="H365" s="10" t="s">
        <v>1541</v>
      </c>
      <c r="I365" s="16" t="s">
        <v>1330</v>
      </c>
      <c r="J365" s="12" t="s">
        <v>267</v>
      </c>
      <c r="K365" s="12" t="s">
        <v>276</v>
      </c>
      <c r="L365" s="18" t="s">
        <v>279</v>
      </c>
      <c r="M365" s="27">
        <v>40269</v>
      </c>
      <c r="N365" s="26">
        <v>46843</v>
      </c>
      <c r="O365" s="52"/>
      <c r="P365" s="52"/>
      <c r="Q365" s="52"/>
      <c r="R365" s="49" t="s">
        <v>1808</v>
      </c>
      <c r="S365" s="49" t="s">
        <v>1767</v>
      </c>
    </row>
    <row r="366" spans="1:19" s="54" customFormat="1" ht="46.5" customHeight="1" x14ac:dyDescent="0.15">
      <c r="A366" s="47" t="s">
        <v>203</v>
      </c>
      <c r="B366" s="48" t="str">
        <f>IFERROR(VLOOKUP($A366,削除禁止!$A$1:$J$42,2,0),"")</f>
        <v>入所・居住系</v>
      </c>
      <c r="C366" s="12">
        <v>1610100099</v>
      </c>
      <c r="D366" s="12"/>
      <c r="E366" s="12"/>
      <c r="F366" s="18" t="s">
        <v>398</v>
      </c>
      <c r="G366" s="10">
        <v>80</v>
      </c>
      <c r="H366" s="10" t="s">
        <v>1541</v>
      </c>
      <c r="I366" s="16" t="s">
        <v>1330</v>
      </c>
      <c r="J366" s="12" t="s">
        <v>267</v>
      </c>
      <c r="K366" s="12" t="s">
        <v>276</v>
      </c>
      <c r="L366" s="18" t="s">
        <v>279</v>
      </c>
      <c r="M366" s="27">
        <v>40269</v>
      </c>
      <c r="N366" s="26">
        <v>46843</v>
      </c>
      <c r="O366" s="52"/>
      <c r="P366" s="52"/>
      <c r="Q366" s="52"/>
      <c r="R366" s="49" t="s">
        <v>1808</v>
      </c>
      <c r="S366" s="49" t="s">
        <v>1767</v>
      </c>
    </row>
    <row r="367" spans="1:19" s="54" customFormat="1" ht="46.5" customHeight="1" x14ac:dyDescent="0.15">
      <c r="A367" s="47" t="s">
        <v>203</v>
      </c>
      <c r="B367" s="48" t="str">
        <f>IFERROR(VLOOKUP($A367,削除禁止!$A$1:$J$42,2,0),"")</f>
        <v>入所・居住系</v>
      </c>
      <c r="C367" s="12">
        <v>1610100107</v>
      </c>
      <c r="D367" s="12"/>
      <c r="E367" s="12"/>
      <c r="F367" s="18" t="s">
        <v>165</v>
      </c>
      <c r="G367" s="10">
        <v>50</v>
      </c>
      <c r="H367" s="10" t="s">
        <v>1541</v>
      </c>
      <c r="I367" s="16" t="s">
        <v>1330</v>
      </c>
      <c r="J367" s="12" t="s">
        <v>267</v>
      </c>
      <c r="K367" s="12" t="s">
        <v>276</v>
      </c>
      <c r="L367" s="18" t="s">
        <v>279</v>
      </c>
      <c r="M367" s="27">
        <v>40269</v>
      </c>
      <c r="N367" s="26">
        <v>46843</v>
      </c>
      <c r="O367" s="52"/>
      <c r="P367" s="52"/>
      <c r="Q367" s="52"/>
      <c r="R367" s="49" t="s">
        <v>1808</v>
      </c>
      <c r="S367" s="49" t="s">
        <v>1767</v>
      </c>
    </row>
    <row r="368" spans="1:19" s="54" customFormat="1" ht="46.5" customHeight="1" x14ac:dyDescent="0.15">
      <c r="A368" s="47" t="s">
        <v>203</v>
      </c>
      <c r="B368" s="48" t="str">
        <f>IFERROR(VLOOKUP($A368,削除禁止!$A$1:$J$42,2,0),"")</f>
        <v>入所・居住系</v>
      </c>
      <c r="C368" s="12">
        <v>1610100172</v>
      </c>
      <c r="D368" s="12"/>
      <c r="E368" s="12"/>
      <c r="F368" s="18" t="s">
        <v>395</v>
      </c>
      <c r="G368" s="10">
        <v>80</v>
      </c>
      <c r="H368" s="10" t="s">
        <v>1541</v>
      </c>
      <c r="I368" s="16" t="s">
        <v>1330</v>
      </c>
      <c r="J368" s="12" t="s">
        <v>267</v>
      </c>
      <c r="K368" s="12" t="s">
        <v>276</v>
      </c>
      <c r="L368" s="18" t="s">
        <v>279</v>
      </c>
      <c r="M368" s="27">
        <v>40269</v>
      </c>
      <c r="N368" s="26">
        <v>46843</v>
      </c>
      <c r="O368" s="52"/>
      <c r="P368" s="52"/>
      <c r="Q368" s="52"/>
      <c r="R368" s="49" t="s">
        <v>1808</v>
      </c>
      <c r="S368" s="49" t="s">
        <v>1767</v>
      </c>
    </row>
    <row r="369" spans="1:19" s="53" customFormat="1" ht="46.5" customHeight="1" x14ac:dyDescent="0.15">
      <c r="A369" s="47" t="s">
        <v>203</v>
      </c>
      <c r="B369" s="48" t="str">
        <f>IFERROR(VLOOKUP($A369,削除禁止!$A$1:$J$42,2,0),"")</f>
        <v>入所・居住系</v>
      </c>
      <c r="C369" s="12">
        <v>1610100933</v>
      </c>
      <c r="D369" s="12"/>
      <c r="E369" s="12"/>
      <c r="F369" s="18" t="s">
        <v>388</v>
      </c>
      <c r="G369" s="10">
        <v>50</v>
      </c>
      <c r="H369" s="10" t="s">
        <v>1541</v>
      </c>
      <c r="I369" s="16" t="s">
        <v>1330</v>
      </c>
      <c r="J369" s="12" t="s">
        <v>267</v>
      </c>
      <c r="K369" s="12" t="s">
        <v>276</v>
      </c>
      <c r="L369" s="18" t="s">
        <v>279</v>
      </c>
      <c r="M369" s="27">
        <v>40269</v>
      </c>
      <c r="N369" s="26">
        <v>46843</v>
      </c>
      <c r="O369" s="52"/>
      <c r="P369" s="52"/>
      <c r="Q369" s="52"/>
      <c r="R369" s="49" t="s">
        <v>1808</v>
      </c>
      <c r="S369" s="49" t="s">
        <v>1767</v>
      </c>
    </row>
    <row r="370" spans="1:19" s="53" customFormat="1" ht="46.5" customHeight="1" x14ac:dyDescent="0.15">
      <c r="A370" s="47" t="s">
        <v>203</v>
      </c>
      <c r="B370" s="48" t="str">
        <f>IFERROR(VLOOKUP($A370,削除禁止!$A$1:$J$42,2,0),"")</f>
        <v>入所・居住系</v>
      </c>
      <c r="C370" s="12">
        <v>1610100115</v>
      </c>
      <c r="D370" s="12"/>
      <c r="E370" s="12"/>
      <c r="F370" s="18" t="s">
        <v>329</v>
      </c>
      <c r="G370" s="12">
        <v>58</v>
      </c>
      <c r="H370" s="12" t="s">
        <v>325</v>
      </c>
      <c r="I370" s="16" t="s">
        <v>1672</v>
      </c>
      <c r="J370" s="12" t="s">
        <v>334</v>
      </c>
      <c r="K370" s="12" t="s">
        <v>59</v>
      </c>
      <c r="L370" s="18" t="s">
        <v>469</v>
      </c>
      <c r="M370" s="27">
        <v>40634</v>
      </c>
      <c r="N370" s="27">
        <v>47208</v>
      </c>
      <c r="O370" s="52"/>
      <c r="P370" s="52"/>
      <c r="Q370" s="52"/>
      <c r="R370" s="49" t="s">
        <v>1809</v>
      </c>
      <c r="S370" s="49" t="s">
        <v>1485</v>
      </c>
    </row>
    <row r="371" spans="1:19" s="54" customFormat="1" ht="46.5" customHeight="1" x14ac:dyDescent="0.15">
      <c r="A371" s="47" t="s">
        <v>203</v>
      </c>
      <c r="B371" s="48" t="str">
        <f>IFERROR(VLOOKUP($A371,削除禁止!$A$1:$J$42,2,0),"")</f>
        <v>入所・居住系</v>
      </c>
      <c r="C371" s="12">
        <v>1610100123</v>
      </c>
      <c r="D371" s="12"/>
      <c r="E371" s="12"/>
      <c r="F371" s="18" t="s">
        <v>299</v>
      </c>
      <c r="G371" s="12">
        <v>60</v>
      </c>
      <c r="H371" s="12" t="s">
        <v>136</v>
      </c>
      <c r="I371" s="16" t="s">
        <v>1169</v>
      </c>
      <c r="J371" s="12" t="s">
        <v>295</v>
      </c>
      <c r="K371" s="12" t="s">
        <v>297</v>
      </c>
      <c r="L371" s="18" t="s">
        <v>452</v>
      </c>
      <c r="M371" s="27">
        <v>41000</v>
      </c>
      <c r="N371" s="27">
        <v>47573</v>
      </c>
      <c r="O371" s="52"/>
      <c r="P371" s="52"/>
      <c r="Q371" s="52"/>
      <c r="R371" s="49" t="s">
        <v>1810</v>
      </c>
      <c r="S371" s="49" t="s">
        <v>1837</v>
      </c>
    </row>
    <row r="372" spans="1:19" s="54" customFormat="1" ht="46.5" customHeight="1" x14ac:dyDescent="0.15">
      <c r="A372" s="47" t="s">
        <v>203</v>
      </c>
      <c r="B372" s="48" t="str">
        <f>IFERROR(VLOOKUP($A372,削除禁止!$A$1:$J$42,2,0),"")</f>
        <v>入所・居住系</v>
      </c>
      <c r="C372" s="12">
        <v>1610100024</v>
      </c>
      <c r="D372" s="12"/>
      <c r="E372" s="12"/>
      <c r="F372" s="18" t="s">
        <v>465</v>
      </c>
      <c r="G372" s="12">
        <v>69</v>
      </c>
      <c r="H372" s="10" t="s">
        <v>479</v>
      </c>
      <c r="I372" s="16" t="s">
        <v>1329</v>
      </c>
      <c r="J372" s="12" t="s">
        <v>481</v>
      </c>
      <c r="K372" s="12" t="s">
        <v>370</v>
      </c>
      <c r="L372" s="18" t="s">
        <v>389</v>
      </c>
      <c r="M372" s="27">
        <v>41000</v>
      </c>
      <c r="N372" s="27">
        <v>47573</v>
      </c>
      <c r="O372" s="52"/>
      <c r="P372" s="52"/>
      <c r="Q372" s="52"/>
      <c r="R372" s="49" t="s">
        <v>1764</v>
      </c>
      <c r="S372" s="49" t="s">
        <v>192</v>
      </c>
    </row>
    <row r="373" spans="1:19" s="53" customFormat="1" ht="46.5" customHeight="1" x14ac:dyDescent="0.15">
      <c r="A373" s="47" t="s">
        <v>203</v>
      </c>
      <c r="B373" s="48" t="str">
        <f>IFERROR(VLOOKUP($A373,削除禁止!$A$1:$J$42,2,0),"")</f>
        <v>入所・居住系</v>
      </c>
      <c r="C373" s="12">
        <v>1610100040</v>
      </c>
      <c r="D373" s="12"/>
      <c r="E373" s="12"/>
      <c r="F373" s="18" t="s">
        <v>484</v>
      </c>
      <c r="G373" s="12">
        <v>30</v>
      </c>
      <c r="H373" s="12" t="s">
        <v>479</v>
      </c>
      <c r="I373" s="16" t="s">
        <v>1329</v>
      </c>
      <c r="J373" s="12" t="s">
        <v>486</v>
      </c>
      <c r="K373" s="12" t="s">
        <v>455</v>
      </c>
      <c r="L373" s="18" t="s">
        <v>389</v>
      </c>
      <c r="M373" s="27">
        <v>41000</v>
      </c>
      <c r="N373" s="27">
        <v>47573</v>
      </c>
      <c r="O373" s="52"/>
      <c r="P373" s="52"/>
      <c r="Q373" s="52"/>
      <c r="R373" s="49" t="s">
        <v>1764</v>
      </c>
      <c r="S373" s="49" t="s">
        <v>192</v>
      </c>
    </row>
    <row r="374" spans="1:19" s="54" customFormat="1" ht="46.5" customHeight="1" x14ac:dyDescent="0.15">
      <c r="A374" s="47" t="s">
        <v>1583</v>
      </c>
      <c r="B374" s="48" t="str">
        <f>IFERROR(VLOOKUP($A374,削除禁止!$A$1:$J$42,2,0),"")</f>
        <v>相談系</v>
      </c>
      <c r="C374" s="12">
        <v>1630100087</v>
      </c>
      <c r="D374" s="12"/>
      <c r="E374" s="12"/>
      <c r="F374" s="18" t="s">
        <v>92</v>
      </c>
      <c r="G374" s="12"/>
      <c r="H374" s="12" t="s">
        <v>18</v>
      </c>
      <c r="I374" s="16" t="s">
        <v>1367</v>
      </c>
      <c r="J374" s="12" t="s">
        <v>15</v>
      </c>
      <c r="K374" s="12" t="s">
        <v>96</v>
      </c>
      <c r="L374" s="18" t="s">
        <v>154</v>
      </c>
      <c r="M374" s="27">
        <v>41000</v>
      </c>
      <c r="N374" s="27">
        <v>47573</v>
      </c>
      <c r="O374" s="52"/>
      <c r="P374" s="52"/>
      <c r="Q374" s="52"/>
      <c r="R374" s="49" t="s">
        <v>1764</v>
      </c>
      <c r="S374" s="49" t="s">
        <v>604</v>
      </c>
    </row>
    <row r="375" spans="1:19" s="53" customFormat="1" ht="46.5" customHeight="1" x14ac:dyDescent="0.15">
      <c r="A375" s="47" t="s">
        <v>1583</v>
      </c>
      <c r="B375" s="48" t="str">
        <f>IFERROR(VLOOKUP($A375,削除禁止!$A$1:$J$42,2,0),"")</f>
        <v>相談系</v>
      </c>
      <c r="C375" s="12">
        <v>1630100053</v>
      </c>
      <c r="D375" s="12"/>
      <c r="E375" s="12"/>
      <c r="F375" s="18" t="s">
        <v>37</v>
      </c>
      <c r="G375" s="12"/>
      <c r="H375" s="12" t="s">
        <v>103</v>
      </c>
      <c r="I375" s="16" t="s">
        <v>1028</v>
      </c>
      <c r="J375" s="12" t="s">
        <v>117</v>
      </c>
      <c r="K375" s="12" t="s">
        <v>125</v>
      </c>
      <c r="L375" s="18" t="s">
        <v>163</v>
      </c>
      <c r="M375" s="27">
        <v>41000</v>
      </c>
      <c r="N375" s="27">
        <v>47573</v>
      </c>
      <c r="O375" s="52"/>
      <c r="P375" s="52"/>
      <c r="Q375" s="52"/>
      <c r="R375" s="49" t="s">
        <v>1764</v>
      </c>
      <c r="S375" s="49" t="s">
        <v>1704</v>
      </c>
    </row>
    <row r="376" spans="1:19" s="53" customFormat="1" ht="46.5" customHeight="1" x14ac:dyDescent="0.15">
      <c r="A376" s="47" t="s">
        <v>1583</v>
      </c>
      <c r="B376" s="48" t="str">
        <f>IFERROR(VLOOKUP($A376,削除禁止!$A$1:$J$42,2,0),"")</f>
        <v>相談系</v>
      </c>
      <c r="C376" s="12">
        <v>1630100038</v>
      </c>
      <c r="D376" s="12"/>
      <c r="E376" s="12"/>
      <c r="F376" s="18" t="s">
        <v>284</v>
      </c>
      <c r="G376" s="12"/>
      <c r="H376" s="10" t="s">
        <v>1541</v>
      </c>
      <c r="I376" s="16" t="s">
        <v>1330</v>
      </c>
      <c r="J376" s="12" t="s">
        <v>16</v>
      </c>
      <c r="K376" s="12" t="s">
        <v>276</v>
      </c>
      <c r="L376" s="18" t="s">
        <v>279</v>
      </c>
      <c r="M376" s="27">
        <v>41000</v>
      </c>
      <c r="N376" s="27">
        <v>47573</v>
      </c>
      <c r="O376" s="52"/>
      <c r="P376" s="52"/>
      <c r="Q376" s="52"/>
      <c r="R376" s="49" t="s">
        <v>1808</v>
      </c>
      <c r="S376" s="49" t="s">
        <v>1767</v>
      </c>
    </row>
    <row r="377" spans="1:19" s="53" customFormat="1" ht="46.5" customHeight="1" x14ac:dyDescent="0.15">
      <c r="A377" s="47" t="s">
        <v>1583</v>
      </c>
      <c r="B377" s="48" t="str">
        <f>IFERROR(VLOOKUP($A377,削除禁止!$A$1:$J$42,2,0),"")</f>
        <v>相談系</v>
      </c>
      <c r="C377" s="12">
        <v>1630100012</v>
      </c>
      <c r="D377" s="12"/>
      <c r="E377" s="12"/>
      <c r="F377" s="18" t="s">
        <v>514</v>
      </c>
      <c r="G377" s="12"/>
      <c r="H377" s="12" t="s">
        <v>509</v>
      </c>
      <c r="I377" s="16" t="s">
        <v>1694</v>
      </c>
      <c r="J377" s="12" t="s">
        <v>403</v>
      </c>
      <c r="K377" s="12" t="s">
        <v>63</v>
      </c>
      <c r="L377" s="18" t="s">
        <v>1253</v>
      </c>
      <c r="M377" s="27">
        <v>41000</v>
      </c>
      <c r="N377" s="27">
        <v>47573</v>
      </c>
      <c r="O377" s="52"/>
      <c r="P377" s="52"/>
      <c r="Q377" s="52"/>
      <c r="R377" s="49" t="s">
        <v>1764</v>
      </c>
      <c r="S377" s="49" t="s">
        <v>1812</v>
      </c>
    </row>
    <row r="378" spans="1:19" s="53" customFormat="1" ht="46.5" customHeight="1" x14ac:dyDescent="0.15">
      <c r="A378" s="47" t="s">
        <v>1583</v>
      </c>
      <c r="B378" s="48" t="str">
        <f>IFERROR(VLOOKUP($A378,削除禁止!$A$1:$J$42,2,0),"")</f>
        <v>相談系</v>
      </c>
      <c r="C378" s="12">
        <v>1630100095</v>
      </c>
      <c r="D378" s="12"/>
      <c r="E378" s="12"/>
      <c r="F378" s="18" t="s">
        <v>168</v>
      </c>
      <c r="G378" s="12"/>
      <c r="H378" s="12" t="s">
        <v>302</v>
      </c>
      <c r="I378" s="16" t="s">
        <v>1358</v>
      </c>
      <c r="J378" s="12" t="s">
        <v>637</v>
      </c>
      <c r="K378" s="12" t="s">
        <v>738</v>
      </c>
      <c r="L378" s="18" t="s">
        <v>453</v>
      </c>
      <c r="M378" s="27">
        <v>41030</v>
      </c>
      <c r="N378" s="27">
        <v>45412</v>
      </c>
      <c r="O378" s="52"/>
      <c r="P378" s="52"/>
      <c r="Q378" s="52"/>
      <c r="R378" s="49" t="s">
        <v>1808</v>
      </c>
      <c r="S378" s="49" t="s">
        <v>1832</v>
      </c>
    </row>
    <row r="379" spans="1:19" s="53" customFormat="1" ht="46.5" customHeight="1" x14ac:dyDescent="0.15">
      <c r="A379" s="47" t="s">
        <v>1583</v>
      </c>
      <c r="B379" s="48" t="str">
        <f>IFERROR(VLOOKUP($A379,削除禁止!$A$1:$J$42,2,0),"")</f>
        <v>相談系</v>
      </c>
      <c r="C379" s="12">
        <v>1630100145</v>
      </c>
      <c r="D379" s="12"/>
      <c r="E379" s="12"/>
      <c r="F379" s="16" t="s">
        <v>1189</v>
      </c>
      <c r="G379" s="10"/>
      <c r="H379" s="12" t="s">
        <v>479</v>
      </c>
      <c r="I379" s="16" t="s">
        <v>1329</v>
      </c>
      <c r="J379" s="12" t="s">
        <v>704</v>
      </c>
      <c r="K379" s="12" t="s">
        <v>496</v>
      </c>
      <c r="L379" s="18" t="s">
        <v>389</v>
      </c>
      <c r="M379" s="27">
        <v>41362</v>
      </c>
      <c r="N379" s="27">
        <v>45747</v>
      </c>
      <c r="O379" s="52"/>
      <c r="P379" s="52"/>
      <c r="Q379" s="52"/>
      <c r="R379" s="49" t="s">
        <v>1764</v>
      </c>
      <c r="S379" s="49" t="s">
        <v>192</v>
      </c>
    </row>
    <row r="380" spans="1:19" s="53" customFormat="1" ht="46.5" customHeight="1" x14ac:dyDescent="0.15">
      <c r="A380" s="47" t="s">
        <v>1583</v>
      </c>
      <c r="B380" s="48" t="str">
        <f>IFERROR(VLOOKUP($A380,削除禁止!$A$1:$J$42,2,0),"")</f>
        <v>相談系</v>
      </c>
      <c r="C380" s="12">
        <v>1630100194</v>
      </c>
      <c r="D380" s="12"/>
      <c r="E380" s="12"/>
      <c r="F380" s="18" t="s">
        <v>1182</v>
      </c>
      <c r="G380" s="12"/>
      <c r="H380" s="12" t="s">
        <v>258</v>
      </c>
      <c r="I380" s="51" t="s">
        <v>663</v>
      </c>
      <c r="J380" s="12" t="s">
        <v>296</v>
      </c>
      <c r="K380" s="12" t="s">
        <v>616</v>
      </c>
      <c r="L380" s="18" t="s">
        <v>482</v>
      </c>
      <c r="M380" s="27">
        <v>41760</v>
      </c>
      <c r="N380" s="27">
        <v>46142</v>
      </c>
      <c r="O380" s="52"/>
      <c r="P380" s="52"/>
      <c r="Q380" s="52"/>
      <c r="R380" s="49" t="s">
        <v>1764</v>
      </c>
      <c r="S380" s="49" t="s">
        <v>1816</v>
      </c>
    </row>
    <row r="381" spans="1:19" s="53" customFormat="1" ht="46.5" customHeight="1" x14ac:dyDescent="0.15">
      <c r="A381" s="47" t="s">
        <v>1583</v>
      </c>
      <c r="B381" s="48" t="str">
        <f>IFERROR(VLOOKUP($A381,削除禁止!$A$1:$J$42,2,0),"")</f>
        <v>相談系</v>
      </c>
      <c r="C381" s="12">
        <v>1630100079</v>
      </c>
      <c r="D381" s="12"/>
      <c r="E381" s="12"/>
      <c r="F381" s="18" t="s">
        <v>12</v>
      </c>
      <c r="G381" s="12"/>
      <c r="H381" s="12" t="s">
        <v>340</v>
      </c>
      <c r="I381" s="16" t="s">
        <v>1350</v>
      </c>
      <c r="J381" s="12" t="s">
        <v>343</v>
      </c>
      <c r="K381" s="12" t="s">
        <v>345</v>
      </c>
      <c r="L381" s="18" t="s">
        <v>491</v>
      </c>
      <c r="M381" s="27">
        <v>42491</v>
      </c>
      <c r="N381" s="27">
        <v>46873</v>
      </c>
      <c r="O381" s="52"/>
      <c r="P381" s="52"/>
      <c r="Q381" s="52"/>
      <c r="R381" s="49" t="s">
        <v>1764</v>
      </c>
      <c r="S381" s="49" t="s">
        <v>1794</v>
      </c>
    </row>
    <row r="382" spans="1:19" s="53" customFormat="1" ht="46.5" customHeight="1" x14ac:dyDescent="0.15">
      <c r="A382" s="47" t="s">
        <v>1583</v>
      </c>
      <c r="B382" s="48" t="str">
        <f>IFERROR(VLOOKUP($A382,削除禁止!$A$1:$J$42,2,0),"")</f>
        <v>相談系</v>
      </c>
      <c r="C382" s="12">
        <v>1630100293</v>
      </c>
      <c r="D382" s="12"/>
      <c r="E382" s="12"/>
      <c r="F382" s="18" t="s">
        <v>277</v>
      </c>
      <c r="G382" s="12"/>
      <c r="H382" s="12" t="s">
        <v>575</v>
      </c>
      <c r="I382" s="16" t="s">
        <v>1931</v>
      </c>
      <c r="J382" s="12" t="s">
        <v>1932</v>
      </c>
      <c r="K382" s="12" t="s">
        <v>1019</v>
      </c>
      <c r="L382" s="18" t="s">
        <v>1104</v>
      </c>
      <c r="M382" s="27">
        <v>42917</v>
      </c>
      <c r="N382" s="27">
        <v>47299</v>
      </c>
      <c r="O382" s="52"/>
      <c r="P382" s="52"/>
      <c r="Q382" s="52"/>
      <c r="R382" s="49" t="s">
        <v>1808</v>
      </c>
      <c r="S382" s="49" t="s">
        <v>1832</v>
      </c>
    </row>
    <row r="383" spans="1:19" s="53" customFormat="1" ht="46.5" customHeight="1" x14ac:dyDescent="0.15">
      <c r="A383" s="47" t="s">
        <v>1583</v>
      </c>
      <c r="B383" s="48" t="str">
        <f>IFERROR(VLOOKUP($A383,削除禁止!$A$1:$J$42,2,0),"")</f>
        <v>相談系</v>
      </c>
      <c r="C383" s="12">
        <v>1630100350</v>
      </c>
      <c r="D383" s="12"/>
      <c r="E383" s="12"/>
      <c r="F383" s="18" t="s">
        <v>1186</v>
      </c>
      <c r="G383" s="12"/>
      <c r="H383" s="12" t="s">
        <v>128</v>
      </c>
      <c r="I383" s="16" t="s">
        <v>1152</v>
      </c>
      <c r="J383" s="12" t="s">
        <v>899</v>
      </c>
      <c r="K383" s="12" t="s">
        <v>74</v>
      </c>
      <c r="L383" s="18" t="s">
        <v>1144</v>
      </c>
      <c r="M383" s="27">
        <v>43891</v>
      </c>
      <c r="N383" s="27">
        <v>46081</v>
      </c>
      <c r="O383" s="52"/>
      <c r="P383" s="52"/>
      <c r="Q383" s="52"/>
      <c r="R383" s="49" t="s">
        <v>1764</v>
      </c>
      <c r="S383" s="49" t="s">
        <v>1819</v>
      </c>
    </row>
    <row r="384" spans="1:19" s="53" customFormat="1" ht="46.5" customHeight="1" x14ac:dyDescent="0.15">
      <c r="A384" s="47" t="s">
        <v>1583</v>
      </c>
      <c r="B384" s="48" t="str">
        <f>IFERROR(VLOOKUP($A384,削除禁止!$A$1:$J$42,2,0),"")</f>
        <v>相談系</v>
      </c>
      <c r="C384" s="12">
        <v>1630100376</v>
      </c>
      <c r="D384" s="12"/>
      <c r="E384" s="12"/>
      <c r="F384" s="18" t="s">
        <v>1218</v>
      </c>
      <c r="G384" s="12"/>
      <c r="H384" s="12" t="s">
        <v>447</v>
      </c>
      <c r="I384" s="16" t="s">
        <v>428</v>
      </c>
      <c r="J384" s="12" t="s">
        <v>900</v>
      </c>
      <c r="K384" s="12" t="s">
        <v>922</v>
      </c>
      <c r="L384" s="18" t="s">
        <v>1403</v>
      </c>
      <c r="M384" s="27">
        <v>43952</v>
      </c>
      <c r="N384" s="27">
        <v>46142</v>
      </c>
      <c r="O384" s="52"/>
      <c r="P384" s="52"/>
      <c r="Q384" s="52"/>
      <c r="R384" s="49" t="s">
        <v>1764</v>
      </c>
      <c r="S384" s="49" t="s">
        <v>1815</v>
      </c>
    </row>
    <row r="385" spans="1:19" s="53" customFormat="1" ht="46.5" customHeight="1" x14ac:dyDescent="0.15">
      <c r="A385" s="47" t="s">
        <v>1583</v>
      </c>
      <c r="B385" s="48" t="str">
        <f>IFERROR(VLOOKUP($A385,削除禁止!$A$1:$J$42,2,0),"")</f>
        <v>相談系</v>
      </c>
      <c r="C385" s="12">
        <v>1630100384</v>
      </c>
      <c r="D385" s="12"/>
      <c r="E385" s="12"/>
      <c r="F385" s="18" t="s">
        <v>530</v>
      </c>
      <c r="G385" s="12"/>
      <c r="H385" s="12" t="s">
        <v>321</v>
      </c>
      <c r="I385" s="16" t="s">
        <v>1572</v>
      </c>
      <c r="J385" s="12" t="s">
        <v>919</v>
      </c>
      <c r="K385" s="12"/>
      <c r="L385" s="18" t="s">
        <v>177</v>
      </c>
      <c r="M385" s="27">
        <v>44044</v>
      </c>
      <c r="N385" s="27">
        <v>46234</v>
      </c>
      <c r="O385" s="52"/>
      <c r="P385" s="52"/>
      <c r="Q385" s="52"/>
      <c r="R385" s="49" t="s">
        <v>1764</v>
      </c>
      <c r="S385" s="49" t="s">
        <v>366</v>
      </c>
    </row>
    <row r="386" spans="1:19" s="53" customFormat="1" ht="46.5" customHeight="1" x14ac:dyDescent="0.15">
      <c r="A386" s="47" t="s">
        <v>1583</v>
      </c>
      <c r="B386" s="48" t="str">
        <f>IFERROR(VLOOKUP($A386,削除禁止!$A$1:$J$42,2,0),"")</f>
        <v>相談系</v>
      </c>
      <c r="C386" s="12">
        <v>1630100418</v>
      </c>
      <c r="D386" s="12"/>
      <c r="E386" s="12"/>
      <c r="F386" s="18" t="s">
        <v>1137</v>
      </c>
      <c r="G386" s="12"/>
      <c r="H386" s="12" t="s">
        <v>1192</v>
      </c>
      <c r="I386" s="16" t="s">
        <v>1236</v>
      </c>
      <c r="J386" s="12" t="s">
        <v>1563</v>
      </c>
      <c r="K386" s="12" t="s">
        <v>1564</v>
      </c>
      <c r="L386" s="18" t="s">
        <v>1386</v>
      </c>
      <c r="M386" s="27">
        <v>44774</v>
      </c>
      <c r="N386" s="27">
        <v>46966</v>
      </c>
      <c r="O386" s="52"/>
      <c r="P386" s="52"/>
      <c r="Q386" s="52"/>
      <c r="R386" s="49" t="s">
        <v>1764</v>
      </c>
      <c r="S386" s="49" t="s">
        <v>1525</v>
      </c>
    </row>
    <row r="387" spans="1:19" s="53" customFormat="1" ht="46.5" customHeight="1" x14ac:dyDescent="0.15">
      <c r="A387" s="47" t="s">
        <v>1583</v>
      </c>
      <c r="B387" s="48" t="str">
        <f>IFERROR(VLOOKUP($A387,削除禁止!$A$1:$J$42,2,0),"")</f>
        <v>相談系</v>
      </c>
      <c r="C387" s="12">
        <v>1630100426</v>
      </c>
      <c r="D387" s="12"/>
      <c r="E387" s="12"/>
      <c r="F387" s="18" t="s">
        <v>1738</v>
      </c>
      <c r="G387" s="12"/>
      <c r="H387" s="12" t="s">
        <v>1513</v>
      </c>
      <c r="I387" s="16" t="s">
        <v>652</v>
      </c>
      <c r="J387" s="12" t="s">
        <v>706</v>
      </c>
      <c r="K387" s="12" t="s">
        <v>90</v>
      </c>
      <c r="L387" s="18" t="s">
        <v>1652</v>
      </c>
      <c r="M387" s="27">
        <v>44774</v>
      </c>
      <c r="N387" s="27">
        <v>46966</v>
      </c>
      <c r="O387" s="52"/>
      <c r="P387" s="52"/>
      <c r="Q387" s="52"/>
      <c r="R387" s="49" t="s">
        <v>1764</v>
      </c>
      <c r="S387" s="49" t="s">
        <v>604</v>
      </c>
    </row>
    <row r="388" spans="1:19" s="53" customFormat="1" ht="46.5" customHeight="1" x14ac:dyDescent="0.15">
      <c r="A388" s="47" t="s">
        <v>1583</v>
      </c>
      <c r="B388" s="48" t="str">
        <f>IFERROR(VLOOKUP($A388,削除禁止!$A$1:$J$42,2,0),"")</f>
        <v>相談系</v>
      </c>
      <c r="C388" s="12">
        <v>1630100434</v>
      </c>
      <c r="D388" s="12"/>
      <c r="E388" s="12"/>
      <c r="F388" s="18" t="s">
        <v>1739</v>
      </c>
      <c r="G388" s="12"/>
      <c r="H388" s="12" t="s">
        <v>1718</v>
      </c>
      <c r="I388" s="16" t="s">
        <v>1628</v>
      </c>
      <c r="J388" s="12" t="s">
        <v>1494</v>
      </c>
      <c r="K388" s="12" t="s">
        <v>1719</v>
      </c>
      <c r="L388" s="18" t="s">
        <v>1618</v>
      </c>
      <c r="M388" s="27">
        <v>44958</v>
      </c>
      <c r="N388" s="27">
        <v>47149</v>
      </c>
      <c r="O388" s="52"/>
      <c r="P388" s="52"/>
      <c r="Q388" s="52"/>
      <c r="R388" s="49" t="s">
        <v>1764</v>
      </c>
      <c r="S388" s="49" t="s">
        <v>1818</v>
      </c>
    </row>
    <row r="389" spans="1:19" s="53" customFormat="1" ht="46.5" customHeight="1" x14ac:dyDescent="0.15">
      <c r="A389" s="47" t="s">
        <v>1583</v>
      </c>
      <c r="B389" s="48" t="str">
        <f>IFERROR(VLOOKUP($A389,削除禁止!$A$1:$J$42,2,0),"")</f>
        <v>相談系</v>
      </c>
      <c r="C389" s="12">
        <v>1630100442</v>
      </c>
      <c r="D389" s="12"/>
      <c r="E389" s="12"/>
      <c r="F389" s="18" t="s">
        <v>1859</v>
      </c>
      <c r="G389" s="12"/>
      <c r="H389" s="12" t="s">
        <v>1435</v>
      </c>
      <c r="I389" s="16" t="s">
        <v>1860</v>
      </c>
      <c r="J389" s="12" t="s">
        <v>1600</v>
      </c>
      <c r="K389" s="12" t="s">
        <v>1601</v>
      </c>
      <c r="L389" s="18" t="s">
        <v>1517</v>
      </c>
      <c r="M389" s="27">
        <v>45047</v>
      </c>
      <c r="N389" s="27">
        <v>47238</v>
      </c>
      <c r="O389" s="52"/>
      <c r="P389" s="52"/>
      <c r="Q389" s="52"/>
      <c r="R389" s="49" t="s">
        <v>1008</v>
      </c>
      <c r="S389" s="49" t="s">
        <v>1835</v>
      </c>
    </row>
    <row r="390" spans="1:19" s="53" customFormat="1" ht="46.5" customHeight="1" x14ac:dyDescent="0.15">
      <c r="A390" s="47" t="s">
        <v>1583</v>
      </c>
      <c r="B390" s="48" t="str">
        <f>IFERROR(VLOOKUP($A390,削除禁止!$A$1:$J$42,2,0),"")</f>
        <v>相談系</v>
      </c>
      <c r="C390" s="12">
        <v>1630100459</v>
      </c>
      <c r="D390" s="12"/>
      <c r="E390" s="12"/>
      <c r="F390" s="18" t="s">
        <v>1868</v>
      </c>
      <c r="G390" s="12"/>
      <c r="H390" s="12" t="s">
        <v>368</v>
      </c>
      <c r="I390" s="16" t="s">
        <v>1869</v>
      </c>
      <c r="J390" s="12" t="s">
        <v>1923</v>
      </c>
      <c r="K390" s="12" t="s">
        <v>1924</v>
      </c>
      <c r="L390" s="18" t="s">
        <v>1870</v>
      </c>
      <c r="M390" s="27">
        <v>45200</v>
      </c>
      <c r="N390" s="27">
        <v>47391</v>
      </c>
      <c r="O390" s="52"/>
      <c r="P390" s="52"/>
      <c r="Q390" s="52"/>
      <c r="R390" s="49" t="s">
        <v>1764</v>
      </c>
      <c r="S390" s="57" t="s">
        <v>359</v>
      </c>
    </row>
    <row r="391" spans="1:19" s="54" customFormat="1" ht="46.5" customHeight="1" x14ac:dyDescent="0.15">
      <c r="A391" s="47" t="s">
        <v>162</v>
      </c>
      <c r="B391" s="48" t="str">
        <f>IFERROR(VLOOKUP($A391,削除禁止!$A$1:$J$42,2,0),"")</f>
        <v>相談系</v>
      </c>
      <c r="C391" s="12">
        <v>1630100087</v>
      </c>
      <c r="D391" s="12"/>
      <c r="E391" s="12"/>
      <c r="F391" s="18" t="s">
        <v>92</v>
      </c>
      <c r="G391" s="12"/>
      <c r="H391" s="12" t="s">
        <v>18</v>
      </c>
      <c r="I391" s="16" t="s">
        <v>1367</v>
      </c>
      <c r="J391" s="12" t="s">
        <v>15</v>
      </c>
      <c r="K391" s="12" t="s">
        <v>96</v>
      </c>
      <c r="L391" s="18" t="s">
        <v>154</v>
      </c>
      <c r="M391" s="27">
        <v>41000</v>
      </c>
      <c r="N391" s="27">
        <v>47573</v>
      </c>
      <c r="O391" s="52"/>
      <c r="P391" s="52"/>
      <c r="Q391" s="52"/>
      <c r="R391" s="49" t="s">
        <v>1764</v>
      </c>
      <c r="S391" s="49" t="s">
        <v>604</v>
      </c>
    </row>
    <row r="392" spans="1:19" s="53" customFormat="1" ht="46.5" customHeight="1" x14ac:dyDescent="0.15">
      <c r="A392" s="47" t="s">
        <v>162</v>
      </c>
      <c r="B392" s="48" t="str">
        <f>IFERROR(VLOOKUP($A392,削除禁止!$A$1:$J$42,2,0),"")</f>
        <v>相談系</v>
      </c>
      <c r="C392" s="12">
        <v>1630100053</v>
      </c>
      <c r="D392" s="12"/>
      <c r="E392" s="12"/>
      <c r="F392" s="18" t="s">
        <v>37</v>
      </c>
      <c r="G392" s="12"/>
      <c r="H392" s="12" t="s">
        <v>103</v>
      </c>
      <c r="I392" s="16" t="s">
        <v>1028</v>
      </c>
      <c r="J392" s="12" t="s">
        <v>117</v>
      </c>
      <c r="K392" s="12" t="s">
        <v>125</v>
      </c>
      <c r="L392" s="18" t="s">
        <v>163</v>
      </c>
      <c r="M392" s="27">
        <v>41000</v>
      </c>
      <c r="N392" s="27">
        <v>47573</v>
      </c>
      <c r="O392" s="52"/>
      <c r="P392" s="52"/>
      <c r="Q392" s="52"/>
      <c r="R392" s="49" t="s">
        <v>1764</v>
      </c>
      <c r="S392" s="49" t="s">
        <v>1704</v>
      </c>
    </row>
    <row r="393" spans="1:19" s="53" customFormat="1" ht="46.5" customHeight="1" x14ac:dyDescent="0.15">
      <c r="A393" s="47" t="s">
        <v>162</v>
      </c>
      <c r="B393" s="48" t="str">
        <f>IFERROR(VLOOKUP($A393,削除禁止!$A$1:$J$42,2,0),"")</f>
        <v>相談系</v>
      </c>
      <c r="C393" s="12">
        <v>1630100038</v>
      </c>
      <c r="D393" s="12"/>
      <c r="E393" s="12"/>
      <c r="F393" s="18" t="s">
        <v>284</v>
      </c>
      <c r="G393" s="12"/>
      <c r="H393" s="10" t="s">
        <v>1541</v>
      </c>
      <c r="I393" s="16" t="s">
        <v>1330</v>
      </c>
      <c r="J393" s="12" t="s">
        <v>16</v>
      </c>
      <c r="K393" s="12" t="s">
        <v>276</v>
      </c>
      <c r="L393" s="18" t="s">
        <v>279</v>
      </c>
      <c r="M393" s="27">
        <v>41000</v>
      </c>
      <c r="N393" s="27">
        <v>47573</v>
      </c>
      <c r="O393" s="52"/>
      <c r="P393" s="52"/>
      <c r="Q393" s="52"/>
      <c r="R393" s="49" t="s">
        <v>1808</v>
      </c>
      <c r="S393" s="49" t="s">
        <v>1767</v>
      </c>
    </row>
    <row r="394" spans="1:19" s="53" customFormat="1" ht="46.5" customHeight="1" x14ac:dyDescent="0.15">
      <c r="A394" s="47" t="s">
        <v>162</v>
      </c>
      <c r="B394" s="48" t="str">
        <f>IFERROR(VLOOKUP($A394,削除禁止!$A$1:$J$42,2,0),"")</f>
        <v>相談系</v>
      </c>
      <c r="C394" s="12">
        <v>1630100079</v>
      </c>
      <c r="D394" s="12"/>
      <c r="E394" s="12"/>
      <c r="F394" s="18" t="s">
        <v>12</v>
      </c>
      <c r="G394" s="12"/>
      <c r="H394" s="12" t="s">
        <v>340</v>
      </c>
      <c r="I394" s="16" t="s">
        <v>1350</v>
      </c>
      <c r="J394" s="12" t="s">
        <v>343</v>
      </c>
      <c r="K394" s="12" t="s">
        <v>345</v>
      </c>
      <c r="L394" s="18" t="s">
        <v>491</v>
      </c>
      <c r="M394" s="27">
        <v>41000</v>
      </c>
      <c r="N394" s="27">
        <v>47573</v>
      </c>
      <c r="O394" s="52"/>
      <c r="P394" s="52"/>
      <c r="Q394" s="52"/>
      <c r="R394" s="49" t="s">
        <v>1764</v>
      </c>
      <c r="S394" s="49" t="s">
        <v>1794</v>
      </c>
    </row>
    <row r="395" spans="1:19" s="53" customFormat="1" ht="46.5" customHeight="1" x14ac:dyDescent="0.15">
      <c r="A395" s="47" t="s">
        <v>162</v>
      </c>
      <c r="B395" s="48" t="str">
        <f>IFERROR(VLOOKUP($A395,削除禁止!$A$1:$J$42,2,0),"")</f>
        <v>相談系</v>
      </c>
      <c r="C395" s="12">
        <v>1630100012</v>
      </c>
      <c r="D395" s="12"/>
      <c r="E395" s="12"/>
      <c r="F395" s="18" t="s">
        <v>514</v>
      </c>
      <c r="G395" s="12"/>
      <c r="H395" s="12" t="s">
        <v>509</v>
      </c>
      <c r="I395" s="16" t="s">
        <v>1694</v>
      </c>
      <c r="J395" s="12" t="s">
        <v>403</v>
      </c>
      <c r="K395" s="12" t="s">
        <v>63</v>
      </c>
      <c r="L395" s="18" t="s">
        <v>1253</v>
      </c>
      <c r="M395" s="27">
        <v>41000</v>
      </c>
      <c r="N395" s="27">
        <v>47573</v>
      </c>
      <c r="O395" s="52"/>
      <c r="P395" s="52"/>
      <c r="Q395" s="52"/>
      <c r="R395" s="49" t="s">
        <v>1764</v>
      </c>
      <c r="S395" s="49" t="s">
        <v>1812</v>
      </c>
    </row>
    <row r="396" spans="1:19" s="53" customFormat="1" ht="46.5" customHeight="1" x14ac:dyDescent="0.15">
      <c r="A396" s="47" t="s">
        <v>162</v>
      </c>
      <c r="B396" s="48" t="str">
        <f>IFERROR(VLOOKUP($A396,削除禁止!$A$1:$J$42,2,0),"")</f>
        <v>相談系</v>
      </c>
      <c r="C396" s="12">
        <v>1630100095</v>
      </c>
      <c r="D396" s="12"/>
      <c r="E396" s="12"/>
      <c r="F396" s="18" t="s">
        <v>168</v>
      </c>
      <c r="G396" s="12"/>
      <c r="H396" s="12" t="s">
        <v>302</v>
      </c>
      <c r="I396" s="16" t="s">
        <v>1358</v>
      </c>
      <c r="J396" s="12" t="s">
        <v>637</v>
      </c>
      <c r="K396" s="12" t="s">
        <v>305</v>
      </c>
      <c r="L396" s="18" t="s">
        <v>453</v>
      </c>
      <c r="M396" s="27">
        <v>41030</v>
      </c>
      <c r="N396" s="27">
        <v>45412</v>
      </c>
      <c r="O396" s="52"/>
      <c r="P396" s="52"/>
      <c r="Q396" s="52"/>
      <c r="R396" s="49" t="s">
        <v>1808</v>
      </c>
      <c r="S396" s="49" t="s">
        <v>1832</v>
      </c>
    </row>
    <row r="397" spans="1:19" s="54" customFormat="1" ht="46.5" customHeight="1" x14ac:dyDescent="0.15">
      <c r="A397" s="47" t="s">
        <v>162</v>
      </c>
      <c r="B397" s="48" t="str">
        <f>IFERROR(VLOOKUP($A397,削除禁止!$A$1:$J$42,2,0),"")</f>
        <v>相談系</v>
      </c>
      <c r="C397" s="12">
        <v>1630100046</v>
      </c>
      <c r="D397" s="12"/>
      <c r="E397" s="12"/>
      <c r="F397" s="18" t="s">
        <v>434</v>
      </c>
      <c r="G397" s="12"/>
      <c r="H397" s="12" t="s">
        <v>585</v>
      </c>
      <c r="I397" s="16" t="s">
        <v>981</v>
      </c>
      <c r="J397" s="12" t="s">
        <v>586</v>
      </c>
      <c r="K397" s="12" t="s">
        <v>587</v>
      </c>
      <c r="L397" s="18" t="s">
        <v>1597</v>
      </c>
      <c r="M397" s="27">
        <v>41030</v>
      </c>
      <c r="N397" s="27">
        <v>45412</v>
      </c>
      <c r="O397" s="52"/>
      <c r="P397" s="52"/>
      <c r="Q397" s="52"/>
      <c r="R397" s="49" t="s">
        <v>1764</v>
      </c>
      <c r="S397" s="49" t="s">
        <v>1794</v>
      </c>
    </row>
    <row r="398" spans="1:19" s="53" customFormat="1" ht="46.5" customHeight="1" x14ac:dyDescent="0.15">
      <c r="A398" s="47" t="s">
        <v>162</v>
      </c>
      <c r="B398" s="48" t="str">
        <f>IFERROR(VLOOKUP($A398,削除禁止!$A$1:$J$42,2,0),"")</f>
        <v>相談系</v>
      </c>
      <c r="C398" s="12">
        <v>1630100103</v>
      </c>
      <c r="D398" s="12"/>
      <c r="E398" s="12"/>
      <c r="F398" s="18" t="s">
        <v>1209</v>
      </c>
      <c r="G398" s="12"/>
      <c r="H398" s="12" t="s">
        <v>136</v>
      </c>
      <c r="I398" s="16" t="s">
        <v>1169</v>
      </c>
      <c r="J398" s="12" t="s">
        <v>295</v>
      </c>
      <c r="K398" s="12" t="s">
        <v>297</v>
      </c>
      <c r="L398" s="18" t="s">
        <v>452</v>
      </c>
      <c r="M398" s="27">
        <v>41152</v>
      </c>
      <c r="N398" s="27">
        <v>45535</v>
      </c>
      <c r="O398" s="52"/>
      <c r="P398" s="52"/>
      <c r="Q398" s="52"/>
      <c r="R398" s="49" t="s">
        <v>1810</v>
      </c>
      <c r="S398" s="49" t="s">
        <v>1837</v>
      </c>
    </row>
    <row r="399" spans="1:19" s="53" customFormat="1" ht="46.5" customHeight="1" x14ac:dyDescent="0.15">
      <c r="A399" s="47" t="s">
        <v>162</v>
      </c>
      <c r="B399" s="48" t="str">
        <f>IFERROR(VLOOKUP($A399,削除禁止!$A$1:$J$42,2,0),"")</f>
        <v>相談系</v>
      </c>
      <c r="C399" s="12">
        <v>1630100137</v>
      </c>
      <c r="D399" s="12"/>
      <c r="E399" s="12"/>
      <c r="F399" s="18" t="s">
        <v>643</v>
      </c>
      <c r="G399" s="12"/>
      <c r="H399" s="12" t="s">
        <v>84</v>
      </c>
      <c r="I399" s="16" t="s">
        <v>331</v>
      </c>
      <c r="J399" s="12" t="s">
        <v>701</v>
      </c>
      <c r="K399" s="12" t="s">
        <v>624</v>
      </c>
      <c r="L399" s="18" t="s">
        <v>130</v>
      </c>
      <c r="M399" s="27">
        <v>41362</v>
      </c>
      <c r="N399" s="27">
        <v>45747</v>
      </c>
      <c r="O399" s="52"/>
      <c r="P399" s="52"/>
      <c r="Q399" s="52"/>
      <c r="R399" s="49" t="s">
        <v>1764</v>
      </c>
      <c r="S399" s="49" t="s">
        <v>1830</v>
      </c>
    </row>
    <row r="400" spans="1:19" s="53" customFormat="1" ht="46.5" customHeight="1" x14ac:dyDescent="0.15">
      <c r="A400" s="47" t="s">
        <v>162</v>
      </c>
      <c r="B400" s="48" t="str">
        <f>IFERROR(VLOOKUP($A400,削除禁止!$A$1:$J$42,2,0),"")</f>
        <v>相談系</v>
      </c>
      <c r="C400" s="12">
        <v>1630100145</v>
      </c>
      <c r="D400" s="12"/>
      <c r="E400" s="12"/>
      <c r="F400" s="18" t="s">
        <v>1188</v>
      </c>
      <c r="G400" s="12"/>
      <c r="H400" s="12" t="s">
        <v>479</v>
      </c>
      <c r="I400" s="16" t="s">
        <v>1329</v>
      </c>
      <c r="J400" s="12" t="s">
        <v>704</v>
      </c>
      <c r="K400" s="12" t="s">
        <v>496</v>
      </c>
      <c r="L400" s="18" t="s">
        <v>389</v>
      </c>
      <c r="M400" s="27">
        <v>41362</v>
      </c>
      <c r="N400" s="27">
        <v>45747</v>
      </c>
      <c r="O400" s="52"/>
      <c r="P400" s="52"/>
      <c r="Q400" s="52"/>
      <c r="R400" s="49" t="s">
        <v>1764</v>
      </c>
      <c r="S400" s="49" t="s">
        <v>192</v>
      </c>
    </row>
    <row r="401" spans="1:19" s="54" customFormat="1" ht="46.5" customHeight="1" x14ac:dyDescent="0.15">
      <c r="A401" s="47" t="s">
        <v>162</v>
      </c>
      <c r="B401" s="48" t="str">
        <f>IFERROR(VLOOKUP($A401,削除禁止!$A$1:$J$42,2,0),"")</f>
        <v>相談系</v>
      </c>
      <c r="C401" s="12">
        <v>1630100160</v>
      </c>
      <c r="D401" s="12"/>
      <c r="E401" s="12"/>
      <c r="F401" s="18" t="s">
        <v>79</v>
      </c>
      <c r="G401" s="12"/>
      <c r="H401" s="12" t="s">
        <v>55</v>
      </c>
      <c r="I401" s="16" t="s">
        <v>402</v>
      </c>
      <c r="J401" s="12" t="s">
        <v>707</v>
      </c>
      <c r="K401" s="12" t="s">
        <v>707</v>
      </c>
      <c r="L401" s="18" t="s">
        <v>85</v>
      </c>
      <c r="M401" s="27">
        <v>41394</v>
      </c>
      <c r="N401" s="27">
        <v>45777</v>
      </c>
      <c r="O401" s="52"/>
      <c r="P401" s="52"/>
      <c r="Q401" s="52"/>
      <c r="R401" s="49" t="s">
        <v>1764</v>
      </c>
      <c r="S401" s="49" t="s">
        <v>1784</v>
      </c>
    </row>
    <row r="402" spans="1:19" s="53" customFormat="1" ht="46.5" customHeight="1" x14ac:dyDescent="0.15">
      <c r="A402" s="47" t="s">
        <v>162</v>
      </c>
      <c r="B402" s="48" t="str">
        <f>IFERROR(VLOOKUP($A402,削除禁止!$A$1:$J$42,2,0),"")</f>
        <v>相談系</v>
      </c>
      <c r="C402" s="12">
        <v>1630100178</v>
      </c>
      <c r="D402" s="12"/>
      <c r="E402" s="12"/>
      <c r="F402" s="18" t="s">
        <v>682</v>
      </c>
      <c r="G402" s="12"/>
      <c r="H402" s="12" t="s">
        <v>134</v>
      </c>
      <c r="I402" s="16" t="s">
        <v>1384</v>
      </c>
      <c r="J402" s="12" t="s">
        <v>1073</v>
      </c>
      <c r="K402" s="12" t="s">
        <v>292</v>
      </c>
      <c r="L402" s="18" t="s">
        <v>404</v>
      </c>
      <c r="M402" s="27">
        <v>41453</v>
      </c>
      <c r="N402" s="27">
        <v>45838</v>
      </c>
      <c r="O402" s="52"/>
      <c r="P402" s="52"/>
      <c r="Q402" s="52"/>
      <c r="R402" s="49" t="s">
        <v>1764</v>
      </c>
      <c r="S402" s="49" t="s">
        <v>1704</v>
      </c>
    </row>
    <row r="403" spans="1:19" s="53" customFormat="1" ht="46.5" customHeight="1" x14ac:dyDescent="0.15">
      <c r="A403" s="47" t="s">
        <v>162</v>
      </c>
      <c r="B403" s="48" t="str">
        <f>IFERROR(VLOOKUP($A403,削除禁止!$A$1:$J$42,2,0),"")</f>
        <v>相談系</v>
      </c>
      <c r="C403" s="12">
        <v>1630100194</v>
      </c>
      <c r="D403" s="12"/>
      <c r="E403" s="12"/>
      <c r="F403" s="18" t="s">
        <v>1182</v>
      </c>
      <c r="G403" s="12"/>
      <c r="H403" s="12" t="s">
        <v>258</v>
      </c>
      <c r="I403" s="51" t="s">
        <v>663</v>
      </c>
      <c r="J403" s="12" t="s">
        <v>296</v>
      </c>
      <c r="K403" s="12" t="s">
        <v>616</v>
      </c>
      <c r="L403" s="18" t="s">
        <v>482</v>
      </c>
      <c r="M403" s="27">
        <v>41760</v>
      </c>
      <c r="N403" s="27">
        <v>46142</v>
      </c>
      <c r="O403" s="52"/>
      <c r="P403" s="52"/>
      <c r="Q403" s="52"/>
      <c r="R403" s="49" t="s">
        <v>1764</v>
      </c>
      <c r="S403" s="49" t="s">
        <v>1816</v>
      </c>
    </row>
    <row r="404" spans="1:19" s="53" customFormat="1" ht="46.5" customHeight="1" x14ac:dyDescent="0.15">
      <c r="A404" s="47" t="s">
        <v>162</v>
      </c>
      <c r="B404" s="48" t="str">
        <f>IFERROR(VLOOKUP($A404,削除禁止!$A$1:$J$42,2,0),"")</f>
        <v>相談系</v>
      </c>
      <c r="C404" s="12">
        <v>1630100210</v>
      </c>
      <c r="D404" s="12"/>
      <c r="E404" s="12"/>
      <c r="F404" s="18" t="s">
        <v>80</v>
      </c>
      <c r="G404" s="12"/>
      <c r="H404" s="12" t="s">
        <v>409</v>
      </c>
      <c r="I404" s="16" t="s">
        <v>1695</v>
      </c>
      <c r="J404" s="12" t="s">
        <v>777</v>
      </c>
      <c r="K404" s="12" t="s">
        <v>249</v>
      </c>
      <c r="L404" s="18" t="s">
        <v>407</v>
      </c>
      <c r="M404" s="27">
        <v>41913</v>
      </c>
      <c r="N404" s="27">
        <v>46295</v>
      </c>
      <c r="O404" s="52"/>
      <c r="P404" s="52"/>
      <c r="Q404" s="52"/>
      <c r="R404" s="49" t="s">
        <v>1764</v>
      </c>
      <c r="S404" s="49" t="s">
        <v>1704</v>
      </c>
    </row>
    <row r="405" spans="1:19" s="53" customFormat="1" ht="46.5" customHeight="1" x14ac:dyDescent="0.15">
      <c r="A405" s="47" t="s">
        <v>162</v>
      </c>
      <c r="B405" s="48" t="str">
        <f>IFERROR(VLOOKUP($A405,削除禁止!$A$1:$J$42,2,0),"")</f>
        <v>相談系</v>
      </c>
      <c r="C405" s="12">
        <v>1630100236</v>
      </c>
      <c r="D405" s="12"/>
      <c r="E405" s="12"/>
      <c r="F405" s="18" t="s">
        <v>21</v>
      </c>
      <c r="G405" s="12"/>
      <c r="H405" s="12" t="s">
        <v>208</v>
      </c>
      <c r="I405" s="16" t="s">
        <v>1327</v>
      </c>
      <c r="J405" s="12" t="s">
        <v>676</v>
      </c>
      <c r="K405" s="12" t="s">
        <v>676</v>
      </c>
      <c r="L405" s="18" t="s">
        <v>551</v>
      </c>
      <c r="M405" s="27">
        <v>42064</v>
      </c>
      <c r="N405" s="27">
        <v>46446</v>
      </c>
      <c r="O405" s="52"/>
      <c r="P405" s="52"/>
      <c r="Q405" s="52"/>
      <c r="R405" s="49" t="s">
        <v>1764</v>
      </c>
      <c r="S405" s="49" t="s">
        <v>1527</v>
      </c>
    </row>
    <row r="406" spans="1:19" s="53" customFormat="1" ht="46.5" customHeight="1" x14ac:dyDescent="0.15">
      <c r="A406" s="47" t="s">
        <v>162</v>
      </c>
      <c r="B406" s="48" t="str">
        <f>IFERROR(VLOOKUP($A406,削除禁止!$A$1:$J$42,2,0),"")</f>
        <v>相談系</v>
      </c>
      <c r="C406" s="12">
        <v>1630100269</v>
      </c>
      <c r="D406" s="12"/>
      <c r="E406" s="12"/>
      <c r="F406" s="18" t="s">
        <v>1064</v>
      </c>
      <c r="G406" s="12"/>
      <c r="H406" s="12" t="s">
        <v>287</v>
      </c>
      <c r="I406" s="16" t="s">
        <v>810</v>
      </c>
      <c r="J406" s="12" t="s">
        <v>778</v>
      </c>
      <c r="K406" s="12" t="s">
        <v>779</v>
      </c>
      <c r="L406" s="18" t="s">
        <v>976</v>
      </c>
      <c r="M406" s="27">
        <v>42401</v>
      </c>
      <c r="N406" s="27">
        <v>46783</v>
      </c>
      <c r="O406" s="52"/>
      <c r="P406" s="52"/>
      <c r="Q406" s="52"/>
      <c r="R406" s="49" t="s">
        <v>1809</v>
      </c>
      <c r="S406" s="49" t="s">
        <v>1779</v>
      </c>
    </row>
    <row r="407" spans="1:19" s="53" customFormat="1" ht="46.5" customHeight="1" x14ac:dyDescent="0.15">
      <c r="A407" s="47" t="s">
        <v>162</v>
      </c>
      <c r="B407" s="48" t="str">
        <f>IFERROR(VLOOKUP($A407,削除禁止!$A$1:$J$42,2,0),"")</f>
        <v>相談系</v>
      </c>
      <c r="C407" s="12">
        <v>1630100277</v>
      </c>
      <c r="D407" s="12"/>
      <c r="E407" s="12"/>
      <c r="F407" s="18" t="s">
        <v>1177</v>
      </c>
      <c r="G407" s="12"/>
      <c r="H407" s="12" t="s">
        <v>754</v>
      </c>
      <c r="I407" s="16" t="s">
        <v>1385</v>
      </c>
      <c r="J407" s="12" t="s">
        <v>97</v>
      </c>
      <c r="K407" s="12" t="s">
        <v>786</v>
      </c>
      <c r="L407" s="18" t="s">
        <v>1597</v>
      </c>
      <c r="M407" s="27">
        <v>42826</v>
      </c>
      <c r="N407" s="27">
        <v>47208</v>
      </c>
      <c r="O407" s="52"/>
      <c r="P407" s="52"/>
      <c r="Q407" s="52"/>
      <c r="R407" s="49" t="s">
        <v>1764</v>
      </c>
      <c r="S407" s="49" t="s">
        <v>1742</v>
      </c>
    </row>
    <row r="408" spans="1:19" s="53" customFormat="1" ht="46.5" customHeight="1" x14ac:dyDescent="0.15">
      <c r="A408" s="47" t="s">
        <v>162</v>
      </c>
      <c r="B408" s="48" t="str">
        <f>IFERROR(VLOOKUP($A408,削除禁止!$A$1:$J$42,2,0),"")</f>
        <v>相談系</v>
      </c>
      <c r="C408" s="12">
        <v>1630100285</v>
      </c>
      <c r="D408" s="12"/>
      <c r="E408" s="12"/>
      <c r="F408" s="18" t="s">
        <v>1184</v>
      </c>
      <c r="G408" s="12"/>
      <c r="H408" s="12" t="s">
        <v>330</v>
      </c>
      <c r="I408" s="16" t="s">
        <v>1387</v>
      </c>
      <c r="J408" s="12" t="s">
        <v>559</v>
      </c>
      <c r="K408" s="12" t="s">
        <v>559</v>
      </c>
      <c r="L408" s="18" t="s">
        <v>554</v>
      </c>
      <c r="M408" s="27">
        <v>42826</v>
      </c>
      <c r="N408" s="27">
        <v>47208</v>
      </c>
      <c r="O408" s="52"/>
      <c r="P408" s="52"/>
      <c r="Q408" s="52"/>
      <c r="R408" s="49" t="s">
        <v>1809</v>
      </c>
      <c r="S408" s="49" t="s">
        <v>1485</v>
      </c>
    </row>
    <row r="409" spans="1:19" s="53" customFormat="1" ht="46.5" customHeight="1" x14ac:dyDescent="0.15">
      <c r="A409" s="47" t="s">
        <v>162</v>
      </c>
      <c r="B409" s="48" t="str">
        <f>IFERROR(VLOOKUP($A409,削除禁止!$A$1:$J$42,2,0),"")</f>
        <v>相談系</v>
      </c>
      <c r="C409" s="12">
        <v>1630100293</v>
      </c>
      <c r="D409" s="12"/>
      <c r="E409" s="12"/>
      <c r="F409" s="18" t="s">
        <v>277</v>
      </c>
      <c r="G409" s="12"/>
      <c r="H409" s="12" t="s">
        <v>575</v>
      </c>
      <c r="I409" s="16" t="s">
        <v>1930</v>
      </c>
      <c r="J409" s="12" t="s">
        <v>627</v>
      </c>
      <c r="K409" s="12" t="s">
        <v>1019</v>
      </c>
      <c r="L409" s="18" t="s">
        <v>1104</v>
      </c>
      <c r="M409" s="27">
        <v>42917</v>
      </c>
      <c r="N409" s="27">
        <v>47299</v>
      </c>
      <c r="O409" s="52"/>
      <c r="P409" s="52"/>
      <c r="Q409" s="52"/>
      <c r="R409" s="49" t="s">
        <v>1808</v>
      </c>
      <c r="S409" s="49" t="s">
        <v>1832</v>
      </c>
    </row>
    <row r="410" spans="1:19" s="53" customFormat="1" ht="46.5" customHeight="1" x14ac:dyDescent="0.15">
      <c r="A410" s="47" t="s">
        <v>162</v>
      </c>
      <c r="B410" s="48" t="str">
        <f>IFERROR(VLOOKUP($A410,削除禁止!$A$1:$J$42,2,0),"")</f>
        <v>相談系</v>
      </c>
      <c r="C410" s="12">
        <v>1630100319</v>
      </c>
      <c r="D410" s="12"/>
      <c r="E410" s="12"/>
      <c r="F410" s="18" t="s">
        <v>1938</v>
      </c>
      <c r="G410" s="12"/>
      <c r="H410" s="12" t="s">
        <v>53</v>
      </c>
      <c r="I410" s="16" t="s">
        <v>1388</v>
      </c>
      <c r="J410" s="12" t="s">
        <v>421</v>
      </c>
      <c r="K410" s="12" t="s">
        <v>797</v>
      </c>
      <c r="L410" s="18" t="s">
        <v>1143</v>
      </c>
      <c r="M410" s="27">
        <v>43191</v>
      </c>
      <c r="N410" s="27">
        <v>47573</v>
      </c>
      <c r="O410" s="52"/>
      <c r="P410" s="52"/>
      <c r="Q410" s="52"/>
      <c r="R410" s="49" t="s">
        <v>1764</v>
      </c>
      <c r="S410" s="49" t="s">
        <v>1704</v>
      </c>
    </row>
    <row r="411" spans="1:19" s="53" customFormat="1" ht="46.5" customHeight="1" x14ac:dyDescent="0.15">
      <c r="A411" s="47" t="s">
        <v>162</v>
      </c>
      <c r="B411" s="48" t="str">
        <f>IFERROR(VLOOKUP($A411,削除禁止!$A$1:$J$42,2,0),"")</f>
        <v>相談系</v>
      </c>
      <c r="C411" s="12">
        <v>1630100327</v>
      </c>
      <c r="D411" s="12"/>
      <c r="E411" s="12"/>
      <c r="F411" s="18" t="s">
        <v>1078</v>
      </c>
      <c r="G411" s="12"/>
      <c r="H411" s="12" t="s">
        <v>837</v>
      </c>
      <c r="I411" s="16" t="s">
        <v>1356</v>
      </c>
      <c r="J411" s="12" t="s">
        <v>320</v>
      </c>
      <c r="K411" s="12" t="s">
        <v>854</v>
      </c>
      <c r="L411" s="18" t="s">
        <v>1056</v>
      </c>
      <c r="M411" s="27">
        <v>43207</v>
      </c>
      <c r="N411" s="27">
        <v>45398</v>
      </c>
      <c r="O411" s="52"/>
      <c r="P411" s="52"/>
      <c r="Q411" s="52"/>
      <c r="R411" s="49" t="s">
        <v>1764</v>
      </c>
      <c r="S411" s="49" t="s">
        <v>1820</v>
      </c>
    </row>
    <row r="412" spans="1:19" s="53" customFormat="1" ht="46.5" customHeight="1" x14ac:dyDescent="0.15">
      <c r="A412" s="47" t="s">
        <v>162</v>
      </c>
      <c r="B412" s="48" t="str">
        <f>IFERROR(VLOOKUP($A412,削除禁止!$A$1:$J$42,2,0),"")</f>
        <v>相談系</v>
      </c>
      <c r="C412" s="12">
        <v>1630100335</v>
      </c>
      <c r="D412" s="12"/>
      <c r="E412" s="12"/>
      <c r="F412" s="18" t="s">
        <v>1183</v>
      </c>
      <c r="G412" s="12"/>
      <c r="H412" s="12" t="s">
        <v>1561</v>
      </c>
      <c r="I412" s="16" t="s">
        <v>1166</v>
      </c>
      <c r="J412" s="12" t="s">
        <v>1128</v>
      </c>
      <c r="K412" s="12"/>
      <c r="L412" s="18" t="s">
        <v>1142</v>
      </c>
      <c r="M412" s="27">
        <v>43678</v>
      </c>
      <c r="N412" s="27">
        <v>45869</v>
      </c>
      <c r="O412" s="52"/>
      <c r="P412" s="52"/>
      <c r="Q412" s="52"/>
      <c r="R412" s="49" t="s">
        <v>1764</v>
      </c>
      <c r="S412" s="49" t="s">
        <v>1818</v>
      </c>
    </row>
    <row r="413" spans="1:19" s="53" customFormat="1" ht="46.5" customHeight="1" x14ac:dyDescent="0.15">
      <c r="A413" s="47" t="s">
        <v>162</v>
      </c>
      <c r="B413" s="48" t="str">
        <f>IFERROR(VLOOKUP($A413,削除禁止!$A$1:$J$42,2,0),"")</f>
        <v>相談系</v>
      </c>
      <c r="C413" s="12">
        <v>1630100350</v>
      </c>
      <c r="D413" s="12"/>
      <c r="E413" s="12"/>
      <c r="F413" s="18" t="s">
        <v>1186</v>
      </c>
      <c r="G413" s="12"/>
      <c r="H413" s="12" t="s">
        <v>128</v>
      </c>
      <c r="I413" s="16" t="s">
        <v>1152</v>
      </c>
      <c r="J413" s="12" t="s">
        <v>899</v>
      </c>
      <c r="K413" s="12" t="s">
        <v>74</v>
      </c>
      <c r="L413" s="18" t="s">
        <v>1144</v>
      </c>
      <c r="M413" s="27">
        <v>43891</v>
      </c>
      <c r="N413" s="27">
        <v>46081</v>
      </c>
      <c r="O413" s="52"/>
      <c r="P413" s="52"/>
      <c r="Q413" s="52"/>
      <c r="R413" s="49" t="s">
        <v>1764</v>
      </c>
      <c r="S413" s="49" t="s">
        <v>1819</v>
      </c>
    </row>
    <row r="414" spans="1:19" s="53" customFormat="1" ht="46.5" customHeight="1" x14ac:dyDescent="0.15">
      <c r="A414" s="47" t="s">
        <v>162</v>
      </c>
      <c r="B414" s="48" t="str">
        <f>IFERROR(VLOOKUP($A414,削除禁止!$A$1:$J$42,2,0),"")</f>
        <v>相談系</v>
      </c>
      <c r="C414" s="12">
        <v>1630100368</v>
      </c>
      <c r="D414" s="12"/>
      <c r="E414" s="12"/>
      <c r="F414" s="18" t="s">
        <v>1067</v>
      </c>
      <c r="G414" s="12"/>
      <c r="H414" s="12" t="s">
        <v>620</v>
      </c>
      <c r="I414" s="16" t="s">
        <v>1673</v>
      </c>
      <c r="J414" s="12" t="s">
        <v>902</v>
      </c>
      <c r="K414" s="12" t="s">
        <v>904</v>
      </c>
      <c r="L414" s="18" t="s">
        <v>408</v>
      </c>
      <c r="M414" s="27">
        <v>43922</v>
      </c>
      <c r="N414" s="27">
        <v>46112</v>
      </c>
      <c r="O414" s="52"/>
      <c r="P414" s="52"/>
      <c r="Q414" s="52"/>
      <c r="R414" s="49" t="s">
        <v>1764</v>
      </c>
      <c r="S414" s="49" t="s">
        <v>1830</v>
      </c>
    </row>
    <row r="415" spans="1:19" s="53" customFormat="1" ht="46.5" customHeight="1" x14ac:dyDescent="0.15">
      <c r="A415" s="47" t="s">
        <v>162</v>
      </c>
      <c r="B415" s="48" t="str">
        <f>IFERROR(VLOOKUP($A415,削除禁止!$A$1:$J$42,2,0),"")</f>
        <v>相談系</v>
      </c>
      <c r="C415" s="12">
        <v>1630100376</v>
      </c>
      <c r="D415" s="12"/>
      <c r="E415" s="12"/>
      <c r="F415" s="18" t="s">
        <v>1218</v>
      </c>
      <c r="G415" s="12"/>
      <c r="H415" s="12" t="s">
        <v>447</v>
      </c>
      <c r="I415" s="16" t="s">
        <v>428</v>
      </c>
      <c r="J415" s="12" t="s">
        <v>900</v>
      </c>
      <c r="K415" s="12" t="s">
        <v>922</v>
      </c>
      <c r="L415" s="18" t="s">
        <v>1403</v>
      </c>
      <c r="M415" s="27">
        <v>43952</v>
      </c>
      <c r="N415" s="27">
        <v>46142</v>
      </c>
      <c r="O415" s="52"/>
      <c r="P415" s="52"/>
      <c r="Q415" s="52"/>
      <c r="R415" s="49" t="s">
        <v>1764</v>
      </c>
      <c r="S415" s="49" t="s">
        <v>1815</v>
      </c>
    </row>
    <row r="416" spans="1:19" s="53" customFormat="1" ht="46.5" customHeight="1" x14ac:dyDescent="0.15">
      <c r="A416" s="47" t="s">
        <v>162</v>
      </c>
      <c r="B416" s="48" t="str">
        <f>IFERROR(VLOOKUP($A416,削除禁止!$A$1:$J$42,2,0),"")</f>
        <v>相談系</v>
      </c>
      <c r="C416" s="12">
        <v>1630100384</v>
      </c>
      <c r="D416" s="12"/>
      <c r="E416" s="12"/>
      <c r="F416" s="18" t="s">
        <v>530</v>
      </c>
      <c r="G416" s="12"/>
      <c r="H416" s="12" t="s">
        <v>321</v>
      </c>
      <c r="I416" s="16" t="s">
        <v>1572</v>
      </c>
      <c r="J416" s="12" t="s">
        <v>919</v>
      </c>
      <c r="K416" s="12"/>
      <c r="L416" s="18" t="s">
        <v>177</v>
      </c>
      <c r="M416" s="27">
        <v>44013</v>
      </c>
      <c r="N416" s="27">
        <v>46203</v>
      </c>
      <c r="O416" s="52"/>
      <c r="P416" s="52"/>
      <c r="Q416" s="52"/>
      <c r="R416" s="49" t="s">
        <v>1764</v>
      </c>
      <c r="S416" s="49" t="s">
        <v>366</v>
      </c>
    </row>
    <row r="417" spans="1:19" s="54" customFormat="1" ht="46.5" customHeight="1" x14ac:dyDescent="0.15">
      <c r="A417" s="47" t="s">
        <v>162</v>
      </c>
      <c r="B417" s="48" t="str">
        <f>IFERROR(VLOOKUP($A417,削除禁止!$A$1:$J$42,2,0),"")</f>
        <v>相談系</v>
      </c>
      <c r="C417" s="12">
        <v>1630100392</v>
      </c>
      <c r="D417" s="12"/>
      <c r="E417" s="12"/>
      <c r="F417" s="18" t="s">
        <v>715</v>
      </c>
      <c r="G417" s="12"/>
      <c r="H417" s="12" t="s">
        <v>780</v>
      </c>
      <c r="I417" s="16" t="s">
        <v>190</v>
      </c>
      <c r="J417" s="12" t="s">
        <v>1075</v>
      </c>
      <c r="K417" s="12" t="s">
        <v>156</v>
      </c>
      <c r="L417" s="18" t="s">
        <v>1614</v>
      </c>
      <c r="M417" s="27">
        <v>44256</v>
      </c>
      <c r="N417" s="27">
        <v>46446</v>
      </c>
      <c r="O417" s="52"/>
      <c r="P417" s="52"/>
      <c r="Q417" s="52"/>
      <c r="R417" s="49" t="s">
        <v>1764</v>
      </c>
      <c r="S417" s="49" t="s">
        <v>1624</v>
      </c>
    </row>
    <row r="418" spans="1:19" s="54" customFormat="1" ht="46.5" customHeight="1" x14ac:dyDescent="0.15">
      <c r="A418" s="47" t="s">
        <v>162</v>
      </c>
      <c r="B418" s="48" t="str">
        <f>IFERROR(VLOOKUP($A418,削除禁止!$A$1:$J$42,2,0),"")</f>
        <v>相談系</v>
      </c>
      <c r="C418" s="12">
        <v>1630100400</v>
      </c>
      <c r="D418" s="12"/>
      <c r="E418" s="12"/>
      <c r="F418" s="18" t="s">
        <v>1017</v>
      </c>
      <c r="G418" s="12"/>
      <c r="H418" s="10" t="s">
        <v>454</v>
      </c>
      <c r="I418" s="16" t="s">
        <v>920</v>
      </c>
      <c r="J418" s="12" t="s">
        <v>752</v>
      </c>
      <c r="K418" s="12" t="s">
        <v>781</v>
      </c>
      <c r="L418" s="18" t="s">
        <v>1126</v>
      </c>
      <c r="M418" s="27">
        <v>44287</v>
      </c>
      <c r="N418" s="27">
        <v>46477</v>
      </c>
      <c r="O418" s="52"/>
      <c r="P418" s="52"/>
      <c r="Q418" s="52"/>
      <c r="R418" s="49" t="s">
        <v>1764</v>
      </c>
      <c r="S418" s="49" t="s">
        <v>1784</v>
      </c>
    </row>
    <row r="419" spans="1:19" s="54" customFormat="1" ht="46.5" customHeight="1" x14ac:dyDescent="0.15">
      <c r="A419" s="47" t="s">
        <v>162</v>
      </c>
      <c r="B419" s="48" t="str">
        <f>IFERROR(VLOOKUP($A419,削除禁止!$A$1:$J$42,2,0),"")</f>
        <v>相談系</v>
      </c>
      <c r="C419" s="12">
        <v>1630100418</v>
      </c>
      <c r="D419" s="12"/>
      <c r="E419" s="12"/>
      <c r="F419" s="18" t="s">
        <v>1137</v>
      </c>
      <c r="G419" s="12"/>
      <c r="H419" s="12" t="s">
        <v>1192</v>
      </c>
      <c r="I419" s="16" t="s">
        <v>1236</v>
      </c>
      <c r="J419" s="12" t="s">
        <v>1563</v>
      </c>
      <c r="K419" s="12" t="s">
        <v>1564</v>
      </c>
      <c r="L419" s="18" t="s">
        <v>1386</v>
      </c>
      <c r="M419" s="27">
        <v>44774</v>
      </c>
      <c r="N419" s="27">
        <v>46965</v>
      </c>
      <c r="O419" s="52"/>
      <c r="P419" s="52"/>
      <c r="Q419" s="52"/>
      <c r="R419" s="49" t="s">
        <v>1764</v>
      </c>
      <c r="S419" s="49" t="s">
        <v>1525</v>
      </c>
    </row>
    <row r="420" spans="1:19" s="54" customFormat="1" ht="46.5" customHeight="1" x14ac:dyDescent="0.15">
      <c r="A420" s="47" t="s">
        <v>162</v>
      </c>
      <c r="B420" s="48" t="str">
        <f>IFERROR(VLOOKUP($A420,削除禁止!$A$1:$J$42,2,0),"")</f>
        <v>相談系</v>
      </c>
      <c r="C420" s="12">
        <v>1630100426</v>
      </c>
      <c r="D420" s="12"/>
      <c r="E420" s="12"/>
      <c r="F420" s="18" t="s">
        <v>1738</v>
      </c>
      <c r="G420" s="12"/>
      <c r="H420" s="12" t="s">
        <v>1513</v>
      </c>
      <c r="I420" s="16" t="s">
        <v>652</v>
      </c>
      <c r="J420" s="12" t="s">
        <v>706</v>
      </c>
      <c r="K420" s="12" t="s">
        <v>90</v>
      </c>
      <c r="L420" s="18" t="s">
        <v>1652</v>
      </c>
      <c r="M420" s="27">
        <v>44774</v>
      </c>
      <c r="N420" s="27">
        <v>46965</v>
      </c>
      <c r="O420" s="52"/>
      <c r="P420" s="52"/>
      <c r="Q420" s="52"/>
      <c r="R420" s="49" t="s">
        <v>1764</v>
      </c>
      <c r="S420" s="49" t="s">
        <v>604</v>
      </c>
    </row>
    <row r="421" spans="1:19" s="54" customFormat="1" ht="46.5" customHeight="1" x14ac:dyDescent="0.15">
      <c r="A421" s="47" t="s">
        <v>162</v>
      </c>
      <c r="B421" s="48" t="str">
        <f>IFERROR(VLOOKUP($A421,削除禁止!$A$1:$J$42,2,0),"")</f>
        <v>相談系</v>
      </c>
      <c r="C421" s="12">
        <v>1630100434</v>
      </c>
      <c r="D421" s="12"/>
      <c r="E421" s="12"/>
      <c r="F421" s="18" t="s">
        <v>1739</v>
      </c>
      <c r="G421" s="12"/>
      <c r="H421" s="12" t="s">
        <v>1718</v>
      </c>
      <c r="I421" s="16" t="s">
        <v>1628</v>
      </c>
      <c r="J421" s="12" t="s">
        <v>1494</v>
      </c>
      <c r="K421" s="12" t="s">
        <v>1719</v>
      </c>
      <c r="L421" s="18" t="s">
        <v>1618</v>
      </c>
      <c r="M421" s="27">
        <v>44958</v>
      </c>
      <c r="N421" s="27">
        <v>47149</v>
      </c>
      <c r="O421" s="52"/>
      <c r="P421" s="52"/>
      <c r="Q421" s="52"/>
      <c r="R421" s="49" t="s">
        <v>1764</v>
      </c>
      <c r="S421" s="49" t="s">
        <v>1818</v>
      </c>
    </row>
    <row r="422" spans="1:19" s="54" customFormat="1" ht="46.5" customHeight="1" x14ac:dyDescent="0.15">
      <c r="A422" s="47" t="s">
        <v>162</v>
      </c>
      <c r="B422" s="48" t="str">
        <f>IFERROR(VLOOKUP($A422,削除禁止!$A$1:$J$42,2,0),"")</f>
        <v>相談系</v>
      </c>
      <c r="C422" s="12">
        <v>1630100442</v>
      </c>
      <c r="D422" s="12"/>
      <c r="E422" s="12"/>
      <c r="F422" s="18" t="s">
        <v>1859</v>
      </c>
      <c r="G422" s="12"/>
      <c r="H422" s="12" t="s">
        <v>1435</v>
      </c>
      <c r="I422" s="16" t="s">
        <v>1860</v>
      </c>
      <c r="J422" s="12" t="s">
        <v>1600</v>
      </c>
      <c r="K422" s="12" t="s">
        <v>1601</v>
      </c>
      <c r="L422" s="18" t="s">
        <v>1268</v>
      </c>
      <c r="M422" s="27">
        <v>45047</v>
      </c>
      <c r="N422" s="27">
        <v>47238</v>
      </c>
      <c r="O422" s="52"/>
      <c r="P422" s="52"/>
      <c r="Q422" s="52"/>
      <c r="R422" s="49" t="s">
        <v>1008</v>
      </c>
      <c r="S422" s="49" t="s">
        <v>1835</v>
      </c>
    </row>
    <row r="423" spans="1:19" s="54" customFormat="1" ht="46.5" customHeight="1" x14ac:dyDescent="0.15">
      <c r="A423" s="47" t="s">
        <v>162</v>
      </c>
      <c r="B423" s="48" t="str">
        <f>IFERROR(VLOOKUP($A423,削除禁止!$A$1:$J$42,2,0),"")</f>
        <v>相談系</v>
      </c>
      <c r="C423" s="12">
        <v>1630100459</v>
      </c>
      <c r="D423" s="12"/>
      <c r="E423" s="12"/>
      <c r="F423" s="18" t="s">
        <v>1868</v>
      </c>
      <c r="G423" s="12"/>
      <c r="H423" s="12" t="s">
        <v>368</v>
      </c>
      <c r="I423" s="16" t="s">
        <v>1869</v>
      </c>
      <c r="J423" s="12" t="s">
        <v>1436</v>
      </c>
      <c r="K423" s="12" t="s">
        <v>1901</v>
      </c>
      <c r="L423" s="18" t="s">
        <v>1870</v>
      </c>
      <c r="M423" s="27">
        <v>45200</v>
      </c>
      <c r="N423" s="27">
        <v>47391</v>
      </c>
      <c r="O423" s="52"/>
      <c r="P423" s="52"/>
      <c r="Q423" s="52"/>
      <c r="R423" s="49" t="s">
        <v>1764</v>
      </c>
      <c r="S423" s="49" t="s">
        <v>359</v>
      </c>
    </row>
    <row r="424" spans="1:19" s="54" customFormat="1" ht="46.5" customHeight="1" x14ac:dyDescent="0.15">
      <c r="A424" s="47" t="s">
        <v>162</v>
      </c>
      <c r="B424" s="48" t="str">
        <f>IFERROR(VLOOKUP($A424,削除禁止!$A$1:$J$42,2,0),"")</f>
        <v>相談系</v>
      </c>
      <c r="C424" s="11">
        <v>1630100475</v>
      </c>
      <c r="D424" s="12"/>
      <c r="E424" s="12"/>
      <c r="F424" s="55" t="s">
        <v>1766</v>
      </c>
      <c r="G424" s="11"/>
      <c r="H424" s="12" t="s">
        <v>924</v>
      </c>
      <c r="I424" s="55" t="s">
        <v>1378</v>
      </c>
      <c r="J424" s="11" t="s">
        <v>1720</v>
      </c>
      <c r="K424" s="10" t="s">
        <v>1293</v>
      </c>
      <c r="L424" s="18" t="s">
        <v>1528</v>
      </c>
      <c r="M424" s="27">
        <v>45231</v>
      </c>
      <c r="N424" s="27">
        <v>47422</v>
      </c>
      <c r="O424" s="52"/>
      <c r="P424" s="52"/>
      <c r="Q424" s="52"/>
      <c r="R424" s="49" t="s">
        <v>1764</v>
      </c>
      <c r="S424" s="57" t="s">
        <v>192</v>
      </c>
    </row>
    <row r="425" spans="1:19" s="53" customFormat="1" ht="46.5" customHeight="1" x14ac:dyDescent="0.15">
      <c r="A425" s="47" t="s">
        <v>162</v>
      </c>
      <c r="B425" s="48" t="str">
        <f>IFERROR(VLOOKUP($A425,削除禁止!$A$1:$J$42,2,0),"")</f>
        <v>相談系</v>
      </c>
      <c r="C425" s="11">
        <v>1630100467</v>
      </c>
      <c r="D425" s="12"/>
      <c r="E425" s="12"/>
      <c r="F425" s="55" t="s">
        <v>1889</v>
      </c>
      <c r="G425" s="11"/>
      <c r="H425" s="12" t="s">
        <v>321</v>
      </c>
      <c r="I425" s="55" t="s">
        <v>1757</v>
      </c>
      <c r="J425" s="11" t="s">
        <v>1500</v>
      </c>
      <c r="K425" s="10" t="s">
        <v>1258</v>
      </c>
      <c r="L425" s="18" t="s">
        <v>879</v>
      </c>
      <c r="M425" s="27">
        <v>45231</v>
      </c>
      <c r="N425" s="27">
        <v>47422</v>
      </c>
      <c r="O425" s="52"/>
      <c r="P425" s="52"/>
      <c r="Q425" s="52"/>
      <c r="R425" s="49" t="s">
        <v>1764</v>
      </c>
      <c r="S425" s="57" t="s">
        <v>366</v>
      </c>
    </row>
    <row r="426" spans="1:19" s="53" customFormat="1" ht="46.5" customHeight="1" x14ac:dyDescent="0.15">
      <c r="A426" s="47" t="s">
        <v>307</v>
      </c>
      <c r="B426" s="48" t="str">
        <f>IFERROR(VLOOKUP($A426,削除禁止!$A$1:$J$42,2,0),"")</f>
        <v>相談系</v>
      </c>
      <c r="C426" s="12">
        <v>1670100013</v>
      </c>
      <c r="D426" s="12"/>
      <c r="E426" s="12"/>
      <c r="F426" s="18" t="s">
        <v>514</v>
      </c>
      <c r="G426" s="12"/>
      <c r="H426" s="12" t="s">
        <v>509</v>
      </c>
      <c r="I426" s="16" t="s">
        <v>1694</v>
      </c>
      <c r="J426" s="12" t="s">
        <v>403</v>
      </c>
      <c r="K426" s="12" t="s">
        <v>63</v>
      </c>
      <c r="L426" s="18" t="s">
        <v>1253</v>
      </c>
      <c r="M426" s="27">
        <v>41000</v>
      </c>
      <c r="N426" s="27">
        <v>47573</v>
      </c>
      <c r="O426" s="52"/>
      <c r="P426" s="52"/>
      <c r="Q426" s="18"/>
      <c r="R426" s="49" t="s">
        <v>1764</v>
      </c>
      <c r="S426" s="49" t="s">
        <v>1812</v>
      </c>
    </row>
    <row r="427" spans="1:19" s="53" customFormat="1" ht="46.5" customHeight="1" x14ac:dyDescent="0.15">
      <c r="A427" s="47" t="s">
        <v>307</v>
      </c>
      <c r="B427" s="48" t="str">
        <f>IFERROR(VLOOKUP($A427,削除禁止!$A$1:$J$42,2,0),"")</f>
        <v>相談系</v>
      </c>
      <c r="C427" s="12">
        <v>1670100039</v>
      </c>
      <c r="D427" s="12"/>
      <c r="E427" s="12"/>
      <c r="F427" s="18" t="s">
        <v>168</v>
      </c>
      <c r="G427" s="12"/>
      <c r="H427" s="12" t="s">
        <v>302</v>
      </c>
      <c r="I427" s="16" t="s">
        <v>1358</v>
      </c>
      <c r="J427" s="12" t="s">
        <v>637</v>
      </c>
      <c r="K427" s="12" t="s">
        <v>738</v>
      </c>
      <c r="L427" s="18" t="s">
        <v>453</v>
      </c>
      <c r="M427" s="27">
        <v>41030</v>
      </c>
      <c r="N427" s="27">
        <v>45412</v>
      </c>
      <c r="O427" s="52"/>
      <c r="P427" s="52"/>
      <c r="Q427" s="18"/>
      <c r="R427" s="49" t="s">
        <v>1808</v>
      </c>
      <c r="S427" s="49" t="s">
        <v>1832</v>
      </c>
    </row>
    <row r="428" spans="1:19" s="53" customFormat="1" ht="46.5" customHeight="1" x14ac:dyDescent="0.15">
      <c r="A428" s="47" t="s">
        <v>307</v>
      </c>
      <c r="B428" s="48" t="str">
        <f>IFERROR(VLOOKUP($A428,削除禁止!$A$1:$J$42,2,0),"")</f>
        <v>相談系</v>
      </c>
      <c r="C428" s="12">
        <v>1670100021</v>
      </c>
      <c r="D428" s="12"/>
      <c r="E428" s="12"/>
      <c r="F428" s="18" t="s">
        <v>434</v>
      </c>
      <c r="G428" s="12"/>
      <c r="H428" s="12" t="s">
        <v>585</v>
      </c>
      <c r="I428" s="16" t="s">
        <v>981</v>
      </c>
      <c r="J428" s="12" t="s">
        <v>586</v>
      </c>
      <c r="K428" s="12" t="s">
        <v>587</v>
      </c>
      <c r="L428" s="18" t="s">
        <v>1597</v>
      </c>
      <c r="M428" s="27">
        <v>41030</v>
      </c>
      <c r="N428" s="27">
        <v>45412</v>
      </c>
      <c r="O428" s="52"/>
      <c r="P428" s="52"/>
      <c r="Q428" s="18"/>
      <c r="R428" s="49" t="s">
        <v>1764</v>
      </c>
      <c r="S428" s="49" t="s">
        <v>1794</v>
      </c>
    </row>
    <row r="429" spans="1:19" s="53" customFormat="1" ht="46.5" customHeight="1" x14ac:dyDescent="0.15">
      <c r="A429" s="47" t="s">
        <v>307</v>
      </c>
      <c r="B429" s="48" t="str">
        <f>IFERROR(VLOOKUP($A429,削除禁止!$A$1:$J$42,2,0),"")</f>
        <v>相談系</v>
      </c>
      <c r="C429" s="12">
        <v>1670100054</v>
      </c>
      <c r="D429" s="12"/>
      <c r="E429" s="12"/>
      <c r="F429" s="18" t="s">
        <v>643</v>
      </c>
      <c r="G429" s="12"/>
      <c r="H429" s="12" t="s">
        <v>84</v>
      </c>
      <c r="I429" s="16" t="s">
        <v>331</v>
      </c>
      <c r="J429" s="12" t="s">
        <v>701</v>
      </c>
      <c r="K429" s="12" t="s">
        <v>858</v>
      </c>
      <c r="L429" s="18" t="s">
        <v>130</v>
      </c>
      <c r="M429" s="27">
        <v>41362</v>
      </c>
      <c r="N429" s="27">
        <v>45747</v>
      </c>
      <c r="O429" s="52"/>
      <c r="P429" s="52"/>
      <c r="Q429" s="18"/>
      <c r="R429" s="49" t="s">
        <v>1764</v>
      </c>
      <c r="S429" s="49" t="s">
        <v>1830</v>
      </c>
    </row>
    <row r="430" spans="1:19" s="53" customFormat="1" ht="46.5" customHeight="1" x14ac:dyDescent="0.15">
      <c r="A430" s="47" t="s">
        <v>307</v>
      </c>
      <c r="B430" s="48" t="str">
        <f>IFERROR(VLOOKUP($A430,削除禁止!$A$1:$J$42,2,0),"")</f>
        <v>相談系</v>
      </c>
      <c r="C430" s="12">
        <v>1670100062</v>
      </c>
      <c r="D430" s="12"/>
      <c r="E430" s="12"/>
      <c r="F430" s="18" t="s">
        <v>1188</v>
      </c>
      <c r="G430" s="12"/>
      <c r="H430" s="12" t="s">
        <v>479</v>
      </c>
      <c r="I430" s="16" t="s">
        <v>1329</v>
      </c>
      <c r="J430" s="12" t="s">
        <v>704</v>
      </c>
      <c r="K430" s="12" t="s">
        <v>496</v>
      </c>
      <c r="L430" s="18" t="s">
        <v>389</v>
      </c>
      <c r="M430" s="27">
        <v>41362</v>
      </c>
      <c r="N430" s="27">
        <v>45747</v>
      </c>
      <c r="O430" s="52"/>
      <c r="P430" s="52"/>
      <c r="Q430" s="18"/>
      <c r="R430" s="49" t="s">
        <v>1764</v>
      </c>
      <c r="S430" s="49" t="s">
        <v>192</v>
      </c>
    </row>
    <row r="431" spans="1:19" s="53" customFormat="1" ht="46.5" customHeight="1" x14ac:dyDescent="0.15">
      <c r="A431" s="47" t="s">
        <v>307</v>
      </c>
      <c r="B431" s="48" t="str">
        <f>IFERROR(VLOOKUP($A431,削除禁止!$A$1:$J$42,2,0),"")</f>
        <v>相談系</v>
      </c>
      <c r="C431" s="12">
        <v>1670100088</v>
      </c>
      <c r="D431" s="12"/>
      <c r="E431" s="12"/>
      <c r="F431" s="18" t="s">
        <v>1182</v>
      </c>
      <c r="G431" s="12"/>
      <c r="H431" s="12" t="s">
        <v>258</v>
      </c>
      <c r="I431" s="51" t="s">
        <v>663</v>
      </c>
      <c r="J431" s="12" t="s">
        <v>296</v>
      </c>
      <c r="K431" s="12" t="s">
        <v>616</v>
      </c>
      <c r="L431" s="18" t="s">
        <v>482</v>
      </c>
      <c r="M431" s="27">
        <v>41760</v>
      </c>
      <c r="N431" s="27">
        <v>46142</v>
      </c>
      <c r="O431" s="52"/>
      <c r="P431" s="52"/>
      <c r="Q431" s="18"/>
      <c r="R431" s="49" t="s">
        <v>1764</v>
      </c>
      <c r="S431" s="49" t="s">
        <v>1816</v>
      </c>
    </row>
    <row r="432" spans="1:19" s="53" customFormat="1" ht="46.5" customHeight="1" x14ac:dyDescent="0.15">
      <c r="A432" s="47" t="s">
        <v>307</v>
      </c>
      <c r="B432" s="48" t="str">
        <f>IFERROR(VLOOKUP($A432,削除禁止!$A$1:$J$42,2,0),"")</f>
        <v>相談系</v>
      </c>
      <c r="C432" s="12">
        <v>1670100096</v>
      </c>
      <c r="D432" s="12"/>
      <c r="E432" s="12"/>
      <c r="F432" s="18" t="s">
        <v>80</v>
      </c>
      <c r="G432" s="12"/>
      <c r="H432" s="12" t="s">
        <v>409</v>
      </c>
      <c r="I432" s="16" t="s">
        <v>1695</v>
      </c>
      <c r="J432" s="12" t="s">
        <v>777</v>
      </c>
      <c r="K432" s="12" t="s">
        <v>249</v>
      </c>
      <c r="L432" s="18" t="s">
        <v>407</v>
      </c>
      <c r="M432" s="27">
        <v>41913</v>
      </c>
      <c r="N432" s="27">
        <v>46295</v>
      </c>
      <c r="O432" s="52"/>
      <c r="P432" s="52"/>
      <c r="Q432" s="18"/>
      <c r="R432" s="49" t="s">
        <v>1764</v>
      </c>
      <c r="S432" s="49" t="s">
        <v>1704</v>
      </c>
    </row>
    <row r="433" spans="1:19" s="53" customFormat="1" ht="46.5" customHeight="1" x14ac:dyDescent="0.15">
      <c r="A433" s="47" t="s">
        <v>307</v>
      </c>
      <c r="B433" s="48" t="str">
        <f>IFERROR(VLOOKUP($A433,削除禁止!$A$1:$J$42,2,0),"")</f>
        <v>相談系</v>
      </c>
      <c r="C433" s="12">
        <v>1670100104</v>
      </c>
      <c r="D433" s="12"/>
      <c r="E433" s="12"/>
      <c r="F433" s="18" t="s">
        <v>21</v>
      </c>
      <c r="G433" s="12"/>
      <c r="H433" s="12" t="s">
        <v>208</v>
      </c>
      <c r="I433" s="16" t="s">
        <v>1327</v>
      </c>
      <c r="J433" s="12" t="s">
        <v>676</v>
      </c>
      <c r="K433" s="12" t="s">
        <v>676</v>
      </c>
      <c r="L433" s="19" t="s">
        <v>551</v>
      </c>
      <c r="M433" s="27">
        <v>42064</v>
      </c>
      <c r="N433" s="27">
        <v>46446</v>
      </c>
      <c r="O433" s="52"/>
      <c r="P433" s="52"/>
      <c r="Q433" s="18"/>
      <c r="R433" s="49" t="s">
        <v>1764</v>
      </c>
      <c r="S433" s="49" t="s">
        <v>1527</v>
      </c>
    </row>
    <row r="434" spans="1:19" s="53" customFormat="1" ht="46.5" customHeight="1" x14ac:dyDescent="0.15">
      <c r="A434" s="47" t="s">
        <v>307</v>
      </c>
      <c r="B434" s="48" t="str">
        <f>IFERROR(VLOOKUP($A434,削除禁止!$A$1:$J$42,2,0),"")</f>
        <v>相談系</v>
      </c>
      <c r="C434" s="12">
        <v>1670100120</v>
      </c>
      <c r="D434" s="12"/>
      <c r="E434" s="12"/>
      <c r="F434" s="18" t="s">
        <v>1064</v>
      </c>
      <c r="G434" s="12"/>
      <c r="H434" s="12" t="s">
        <v>287</v>
      </c>
      <c r="I434" s="16" t="s">
        <v>810</v>
      </c>
      <c r="J434" s="12" t="s">
        <v>778</v>
      </c>
      <c r="K434" s="12" t="s">
        <v>779</v>
      </c>
      <c r="L434" s="18" t="s">
        <v>976</v>
      </c>
      <c r="M434" s="27">
        <v>42401</v>
      </c>
      <c r="N434" s="27">
        <v>46783</v>
      </c>
      <c r="O434" s="52"/>
      <c r="P434" s="52"/>
      <c r="Q434" s="18"/>
      <c r="R434" s="49" t="s">
        <v>1809</v>
      </c>
      <c r="S434" s="49" t="s">
        <v>1779</v>
      </c>
    </row>
    <row r="435" spans="1:19" s="53" customFormat="1" ht="46.5" customHeight="1" x14ac:dyDescent="0.15">
      <c r="A435" s="47" t="s">
        <v>307</v>
      </c>
      <c r="B435" s="48" t="str">
        <f>IFERROR(VLOOKUP($A435,削除禁止!$A$1:$J$42,2,0),"")</f>
        <v>相談系</v>
      </c>
      <c r="C435" s="12">
        <v>1670100138</v>
      </c>
      <c r="D435" s="12"/>
      <c r="E435" s="12"/>
      <c r="F435" s="18" t="s">
        <v>1177</v>
      </c>
      <c r="G435" s="12"/>
      <c r="H435" s="12" t="s">
        <v>754</v>
      </c>
      <c r="I435" s="16" t="s">
        <v>1385</v>
      </c>
      <c r="J435" s="12" t="s">
        <v>97</v>
      </c>
      <c r="K435" s="12" t="s">
        <v>786</v>
      </c>
      <c r="L435" s="18" t="s">
        <v>1597</v>
      </c>
      <c r="M435" s="27">
        <v>42826</v>
      </c>
      <c r="N435" s="27">
        <v>47208</v>
      </c>
      <c r="O435" s="52"/>
      <c r="P435" s="52"/>
      <c r="Q435" s="18"/>
      <c r="R435" s="49" t="s">
        <v>1764</v>
      </c>
      <c r="S435" s="49" t="s">
        <v>1742</v>
      </c>
    </row>
    <row r="436" spans="1:19" s="53" customFormat="1" ht="46.5" customHeight="1" x14ac:dyDescent="0.15">
      <c r="A436" s="47" t="s">
        <v>307</v>
      </c>
      <c r="B436" s="48" t="str">
        <f>IFERROR(VLOOKUP($A436,削除禁止!$A$1:$J$42,2,0),"")</f>
        <v>相談系</v>
      </c>
      <c r="C436" s="12">
        <v>1670100146</v>
      </c>
      <c r="D436" s="12"/>
      <c r="E436" s="12"/>
      <c r="F436" s="18" t="s">
        <v>277</v>
      </c>
      <c r="G436" s="12"/>
      <c r="H436" s="12" t="s">
        <v>575</v>
      </c>
      <c r="I436" s="16" t="s">
        <v>1933</v>
      </c>
      <c r="J436" s="12" t="s">
        <v>627</v>
      </c>
      <c r="K436" s="12" t="s">
        <v>1019</v>
      </c>
      <c r="L436" s="18" t="s">
        <v>1104</v>
      </c>
      <c r="M436" s="27">
        <v>42917</v>
      </c>
      <c r="N436" s="27">
        <v>47299</v>
      </c>
      <c r="O436" s="52"/>
      <c r="P436" s="52"/>
      <c r="Q436" s="18"/>
      <c r="R436" s="49" t="s">
        <v>1808</v>
      </c>
      <c r="S436" s="49" t="s">
        <v>1832</v>
      </c>
    </row>
    <row r="437" spans="1:19" s="53" customFormat="1" ht="46.5" customHeight="1" x14ac:dyDescent="0.15">
      <c r="A437" s="47" t="s">
        <v>307</v>
      </c>
      <c r="B437" s="48" t="str">
        <f>IFERROR(VLOOKUP($A437,削除禁止!$A$1:$J$42,2,0),"")</f>
        <v>相談系</v>
      </c>
      <c r="C437" s="12">
        <v>1670100179</v>
      </c>
      <c r="D437" s="12"/>
      <c r="E437" s="12"/>
      <c r="F437" s="18" t="s">
        <v>1107</v>
      </c>
      <c r="G437" s="12"/>
      <c r="H437" s="12" t="s">
        <v>53</v>
      </c>
      <c r="I437" s="16" t="s">
        <v>1388</v>
      </c>
      <c r="J437" s="12" t="s">
        <v>421</v>
      </c>
      <c r="K437" s="12" t="s">
        <v>797</v>
      </c>
      <c r="L437" s="18" t="s">
        <v>1143</v>
      </c>
      <c r="M437" s="27">
        <v>43191</v>
      </c>
      <c r="N437" s="27">
        <v>47573</v>
      </c>
      <c r="O437" s="52"/>
      <c r="P437" s="52"/>
      <c r="Q437" s="18"/>
      <c r="R437" s="49" t="s">
        <v>1764</v>
      </c>
      <c r="S437" s="49" t="s">
        <v>1704</v>
      </c>
    </row>
    <row r="438" spans="1:19" s="53" customFormat="1" ht="46.5" customHeight="1" x14ac:dyDescent="0.15">
      <c r="A438" s="47" t="s">
        <v>307</v>
      </c>
      <c r="B438" s="48" t="str">
        <f>IFERROR(VLOOKUP($A438,削除禁止!$A$1:$J$42,2,0),"")</f>
        <v>相談系</v>
      </c>
      <c r="C438" s="12">
        <v>1670160025</v>
      </c>
      <c r="D438" s="12"/>
      <c r="E438" s="12"/>
      <c r="F438" s="18" t="s">
        <v>1186</v>
      </c>
      <c r="G438" s="12"/>
      <c r="H438" s="12" t="s">
        <v>128</v>
      </c>
      <c r="I438" s="16" t="s">
        <v>1152</v>
      </c>
      <c r="J438" s="12" t="s">
        <v>899</v>
      </c>
      <c r="K438" s="12" t="s">
        <v>74</v>
      </c>
      <c r="L438" s="18" t="s">
        <v>1144</v>
      </c>
      <c r="M438" s="27">
        <v>43891</v>
      </c>
      <c r="N438" s="27">
        <v>46081</v>
      </c>
      <c r="O438" s="52"/>
      <c r="P438" s="52"/>
      <c r="Q438" s="18"/>
      <c r="R438" s="49" t="s">
        <v>1764</v>
      </c>
      <c r="S438" s="49" t="s">
        <v>1819</v>
      </c>
    </row>
    <row r="439" spans="1:19" s="53" customFormat="1" ht="46.5" customHeight="1" x14ac:dyDescent="0.15">
      <c r="A439" s="47" t="s">
        <v>307</v>
      </c>
      <c r="B439" s="48" t="str">
        <f>IFERROR(VLOOKUP($A439,削除禁止!$A$1:$J$42,2,0),"")</f>
        <v>相談系</v>
      </c>
      <c r="C439" s="12">
        <v>1670160033</v>
      </c>
      <c r="D439" s="12"/>
      <c r="E439" s="12"/>
      <c r="F439" s="18" t="s">
        <v>1218</v>
      </c>
      <c r="G439" s="12"/>
      <c r="H439" s="12" t="s">
        <v>447</v>
      </c>
      <c r="I439" s="16" t="s">
        <v>428</v>
      </c>
      <c r="J439" s="12" t="s">
        <v>900</v>
      </c>
      <c r="K439" s="12" t="s">
        <v>922</v>
      </c>
      <c r="L439" s="18" t="s">
        <v>1403</v>
      </c>
      <c r="M439" s="27">
        <v>43952</v>
      </c>
      <c r="N439" s="27">
        <v>46142</v>
      </c>
      <c r="O439" s="52"/>
      <c r="P439" s="52"/>
      <c r="Q439" s="18"/>
      <c r="R439" s="49" t="s">
        <v>1764</v>
      </c>
      <c r="S439" s="49" t="s">
        <v>1815</v>
      </c>
    </row>
    <row r="440" spans="1:19" s="53" customFormat="1" ht="46.5" customHeight="1" x14ac:dyDescent="0.15">
      <c r="A440" s="47" t="s">
        <v>307</v>
      </c>
      <c r="B440" s="48" t="str">
        <f>IFERROR(VLOOKUP($A440,削除禁止!$A$1:$J$42,2,0),"")</f>
        <v>相談系</v>
      </c>
      <c r="C440" s="12">
        <v>1670160041</v>
      </c>
      <c r="D440" s="12"/>
      <c r="E440" s="12"/>
      <c r="F440" s="18" t="s">
        <v>530</v>
      </c>
      <c r="G440" s="12"/>
      <c r="H440" s="12" t="s">
        <v>321</v>
      </c>
      <c r="I440" s="16" t="s">
        <v>1572</v>
      </c>
      <c r="J440" s="12" t="s">
        <v>919</v>
      </c>
      <c r="K440" s="12"/>
      <c r="L440" s="18" t="s">
        <v>177</v>
      </c>
      <c r="M440" s="27">
        <v>44013</v>
      </c>
      <c r="N440" s="27">
        <v>46203</v>
      </c>
      <c r="O440" s="52"/>
      <c r="P440" s="52"/>
      <c r="Q440" s="18"/>
      <c r="R440" s="49" t="s">
        <v>1764</v>
      </c>
      <c r="S440" s="49" t="s">
        <v>366</v>
      </c>
    </row>
    <row r="441" spans="1:19" s="54" customFormat="1" ht="46.5" customHeight="1" x14ac:dyDescent="0.15">
      <c r="A441" s="47" t="s">
        <v>307</v>
      </c>
      <c r="B441" s="48" t="str">
        <f>IFERROR(VLOOKUP($A441,削除禁止!$A$1:$J$42,2,0),"")</f>
        <v>相談系</v>
      </c>
      <c r="C441" s="12">
        <v>1670160058</v>
      </c>
      <c r="D441" s="12"/>
      <c r="E441" s="12"/>
      <c r="F441" s="18" t="s">
        <v>715</v>
      </c>
      <c r="G441" s="12"/>
      <c r="H441" s="12" t="s">
        <v>780</v>
      </c>
      <c r="I441" s="16" t="s">
        <v>190</v>
      </c>
      <c r="J441" s="12" t="s">
        <v>1075</v>
      </c>
      <c r="K441" s="12" t="s">
        <v>156</v>
      </c>
      <c r="L441" s="18" t="s">
        <v>1614</v>
      </c>
      <c r="M441" s="27">
        <v>44256</v>
      </c>
      <c r="N441" s="27">
        <v>46446</v>
      </c>
      <c r="O441" s="52"/>
      <c r="P441" s="52"/>
      <c r="Q441" s="18"/>
      <c r="R441" s="49" t="s">
        <v>1764</v>
      </c>
      <c r="S441" s="49" t="s">
        <v>1624</v>
      </c>
    </row>
    <row r="442" spans="1:19" s="54" customFormat="1" ht="46.5" customHeight="1" x14ac:dyDescent="0.15">
      <c r="A442" s="47" t="s">
        <v>307</v>
      </c>
      <c r="B442" s="48" t="str">
        <f>IFERROR(VLOOKUP($A442,削除禁止!$A$1:$J$42,2,0),"")</f>
        <v>相談系</v>
      </c>
      <c r="C442" s="12">
        <v>1670160066</v>
      </c>
      <c r="D442" s="12"/>
      <c r="E442" s="12"/>
      <c r="F442" s="18" t="s">
        <v>1017</v>
      </c>
      <c r="G442" s="12"/>
      <c r="H442" s="10" t="s">
        <v>454</v>
      </c>
      <c r="I442" s="16" t="s">
        <v>920</v>
      </c>
      <c r="J442" s="12" t="s">
        <v>752</v>
      </c>
      <c r="K442" s="12" t="s">
        <v>781</v>
      </c>
      <c r="L442" s="18" t="s">
        <v>1126</v>
      </c>
      <c r="M442" s="27">
        <v>44287</v>
      </c>
      <c r="N442" s="27">
        <v>46477</v>
      </c>
      <c r="O442" s="52"/>
      <c r="P442" s="52"/>
      <c r="Q442" s="18"/>
      <c r="R442" s="49" t="s">
        <v>1764</v>
      </c>
      <c r="S442" s="49" t="s">
        <v>1784</v>
      </c>
    </row>
    <row r="443" spans="1:19" s="54" customFormat="1" ht="46.5" customHeight="1" x14ac:dyDescent="0.15">
      <c r="A443" s="47" t="s">
        <v>307</v>
      </c>
      <c r="B443" s="48" t="str">
        <f>IFERROR(VLOOKUP($A443,削除禁止!$A$1:$J$42,2,0),"")</f>
        <v>相談系</v>
      </c>
      <c r="C443" s="11">
        <v>1670160074</v>
      </c>
      <c r="D443" s="12"/>
      <c r="E443" s="12"/>
      <c r="F443" s="55" t="s">
        <v>1295</v>
      </c>
      <c r="G443" s="55"/>
      <c r="H443" s="11" t="s">
        <v>792</v>
      </c>
      <c r="I443" s="55" t="s">
        <v>1696</v>
      </c>
      <c r="J443" s="11" t="s">
        <v>1472</v>
      </c>
      <c r="K443" s="10" t="s">
        <v>951</v>
      </c>
      <c r="L443" s="51" t="s">
        <v>1405</v>
      </c>
      <c r="M443" s="56">
        <v>44652</v>
      </c>
      <c r="N443" s="56">
        <v>46843</v>
      </c>
      <c r="O443" s="52"/>
      <c r="P443" s="52"/>
      <c r="Q443" s="52"/>
      <c r="R443" s="49" t="s">
        <v>1764</v>
      </c>
      <c r="S443" s="49" t="s">
        <v>1816</v>
      </c>
    </row>
    <row r="444" spans="1:19" s="54" customFormat="1" ht="46.5" customHeight="1" x14ac:dyDescent="0.15">
      <c r="A444" s="47" t="s">
        <v>307</v>
      </c>
      <c r="B444" s="48" t="str">
        <f>IFERROR(VLOOKUP($A444,削除禁止!$A$1:$J$42,2,0),"")</f>
        <v>相談系</v>
      </c>
      <c r="C444" s="11">
        <v>1670160082</v>
      </c>
      <c r="D444" s="12"/>
      <c r="E444" s="12"/>
      <c r="F444" s="18" t="s">
        <v>1137</v>
      </c>
      <c r="G444" s="12"/>
      <c r="H444" s="12" t="s">
        <v>1192</v>
      </c>
      <c r="I444" s="16" t="s">
        <v>1236</v>
      </c>
      <c r="J444" s="12" t="s">
        <v>1563</v>
      </c>
      <c r="K444" s="12" t="s">
        <v>1564</v>
      </c>
      <c r="L444" s="18" t="s">
        <v>1386</v>
      </c>
      <c r="M444" s="27">
        <v>44774</v>
      </c>
      <c r="N444" s="27">
        <v>46966</v>
      </c>
      <c r="O444" s="52"/>
      <c r="P444" s="52"/>
      <c r="Q444" s="52"/>
      <c r="R444" s="49" t="s">
        <v>1764</v>
      </c>
      <c r="S444" s="49" t="s">
        <v>1525</v>
      </c>
    </row>
    <row r="445" spans="1:19" s="54" customFormat="1" ht="46.5" customHeight="1" x14ac:dyDescent="0.15">
      <c r="A445" s="47" t="s">
        <v>307</v>
      </c>
      <c r="B445" s="48" t="str">
        <f>IFERROR(VLOOKUP($A445,削除禁止!$A$1:$J$42,2,0),"")</f>
        <v>相談系</v>
      </c>
      <c r="C445" s="11">
        <v>1670160090</v>
      </c>
      <c r="D445" s="12"/>
      <c r="E445" s="12"/>
      <c r="F445" s="18" t="s">
        <v>1738</v>
      </c>
      <c r="G445" s="12"/>
      <c r="H445" s="12" t="s">
        <v>1513</v>
      </c>
      <c r="I445" s="16" t="s">
        <v>652</v>
      </c>
      <c r="J445" s="12" t="s">
        <v>706</v>
      </c>
      <c r="K445" s="12" t="s">
        <v>90</v>
      </c>
      <c r="L445" s="18" t="s">
        <v>1652</v>
      </c>
      <c r="M445" s="27">
        <v>44774</v>
      </c>
      <c r="N445" s="27">
        <v>46966</v>
      </c>
      <c r="O445" s="52"/>
      <c r="P445" s="52"/>
      <c r="Q445" s="52"/>
      <c r="R445" s="49" t="s">
        <v>1764</v>
      </c>
      <c r="S445" s="49" t="s">
        <v>604</v>
      </c>
    </row>
    <row r="446" spans="1:19" s="54" customFormat="1" ht="46.5" customHeight="1" x14ac:dyDescent="0.15">
      <c r="A446" s="47" t="s">
        <v>307</v>
      </c>
      <c r="B446" s="48" t="str">
        <f>IFERROR(VLOOKUP($A446,削除禁止!$A$1:$J$42,2,0),"")</f>
        <v>相談系</v>
      </c>
      <c r="C446" s="11">
        <v>1670160108</v>
      </c>
      <c r="D446" s="12"/>
      <c r="E446" s="12"/>
      <c r="F446" s="18" t="s">
        <v>1739</v>
      </c>
      <c r="G446" s="12"/>
      <c r="H446" s="12" t="s">
        <v>1718</v>
      </c>
      <c r="I446" s="16" t="s">
        <v>1628</v>
      </c>
      <c r="J446" s="12" t="s">
        <v>1494</v>
      </c>
      <c r="K446" s="12" t="s">
        <v>1719</v>
      </c>
      <c r="L446" s="18" t="s">
        <v>1618</v>
      </c>
      <c r="M446" s="27">
        <v>44958</v>
      </c>
      <c r="N446" s="27">
        <v>47149</v>
      </c>
      <c r="O446" s="52"/>
      <c r="P446" s="52"/>
      <c r="Q446" s="52"/>
      <c r="R446" s="49" t="s">
        <v>1764</v>
      </c>
      <c r="S446" s="49" t="s">
        <v>1818</v>
      </c>
    </row>
    <row r="447" spans="1:19" s="54" customFormat="1" ht="46.5" customHeight="1" x14ac:dyDescent="0.15">
      <c r="A447" s="47" t="s">
        <v>307</v>
      </c>
      <c r="B447" s="48" t="str">
        <f>IFERROR(VLOOKUP($A447,削除禁止!$A$1:$J$42,2,0),"")</f>
        <v>相談系</v>
      </c>
      <c r="C447" s="12">
        <v>1670160116</v>
      </c>
      <c r="D447" s="12"/>
      <c r="E447" s="12"/>
      <c r="F447" s="18" t="s">
        <v>1859</v>
      </c>
      <c r="G447" s="12"/>
      <c r="H447" s="12" t="s">
        <v>1435</v>
      </c>
      <c r="I447" s="16" t="s">
        <v>1860</v>
      </c>
      <c r="J447" s="12" t="s">
        <v>1600</v>
      </c>
      <c r="K447" s="12" t="s">
        <v>1601</v>
      </c>
      <c r="L447" s="18" t="s">
        <v>1268</v>
      </c>
      <c r="M447" s="27">
        <v>45047</v>
      </c>
      <c r="N447" s="27">
        <v>47238</v>
      </c>
      <c r="O447" s="52"/>
      <c r="P447" s="52"/>
      <c r="Q447" s="52"/>
      <c r="R447" s="49" t="s">
        <v>1008</v>
      </c>
      <c r="S447" s="49" t="s">
        <v>1835</v>
      </c>
    </row>
    <row r="448" spans="1:19" s="54" customFormat="1" ht="46.5" customHeight="1" x14ac:dyDescent="0.15">
      <c r="A448" s="47" t="s">
        <v>307</v>
      </c>
      <c r="B448" s="48" t="str">
        <f>IFERROR(VLOOKUP($A448,削除禁止!$A$1:$J$42,2,0),"")</f>
        <v>相談系</v>
      </c>
      <c r="C448" s="11">
        <v>1670160124</v>
      </c>
      <c r="D448" s="12"/>
      <c r="E448" s="12"/>
      <c r="F448" s="55" t="s">
        <v>1871</v>
      </c>
      <c r="G448" s="11"/>
      <c r="H448" s="12" t="s">
        <v>766</v>
      </c>
      <c r="I448" s="55" t="s">
        <v>1872</v>
      </c>
      <c r="J448" s="11" t="s">
        <v>69</v>
      </c>
      <c r="K448" s="10" t="s">
        <v>1782</v>
      </c>
      <c r="L448" s="18" t="s">
        <v>1431</v>
      </c>
      <c r="M448" s="56">
        <v>45170</v>
      </c>
      <c r="N448" s="56">
        <v>47361</v>
      </c>
      <c r="O448" s="52"/>
      <c r="P448" s="52"/>
      <c r="Q448" s="52"/>
      <c r="R448" s="49" t="s">
        <v>1764</v>
      </c>
      <c r="S448" s="57" t="s">
        <v>1825</v>
      </c>
    </row>
    <row r="449" spans="1:19" s="54" customFormat="1" ht="46.5" customHeight="1" x14ac:dyDescent="0.15">
      <c r="A449" s="47" t="s">
        <v>307</v>
      </c>
      <c r="B449" s="48" t="str">
        <f>IFERROR(VLOOKUP($A449,削除禁止!$A$1:$J$42,2,0),"")</f>
        <v>相談系</v>
      </c>
      <c r="C449" s="11">
        <v>1670160132</v>
      </c>
      <c r="D449" s="12"/>
      <c r="E449" s="12"/>
      <c r="F449" s="18" t="s">
        <v>1868</v>
      </c>
      <c r="G449" s="12"/>
      <c r="H449" s="12" t="s">
        <v>368</v>
      </c>
      <c r="I449" s="16" t="s">
        <v>1869</v>
      </c>
      <c r="J449" s="12" t="s">
        <v>1436</v>
      </c>
      <c r="K449" s="12" t="s">
        <v>1901</v>
      </c>
      <c r="L449" s="18" t="s">
        <v>1870</v>
      </c>
      <c r="M449" s="27">
        <v>45200</v>
      </c>
      <c r="N449" s="27">
        <v>47391</v>
      </c>
      <c r="O449" s="52"/>
      <c r="P449" s="52"/>
      <c r="Q449" s="52"/>
      <c r="R449" s="49" t="s">
        <v>1764</v>
      </c>
      <c r="S449" s="57" t="s">
        <v>359</v>
      </c>
    </row>
    <row r="450" spans="1:19" s="54" customFormat="1" ht="46.5" customHeight="1" x14ac:dyDescent="0.15">
      <c r="A450" s="47" t="s">
        <v>307</v>
      </c>
      <c r="B450" s="48" t="str">
        <f>IFERROR(VLOOKUP($A450,削除禁止!$A$1:$J$42,2,0),"")</f>
        <v>相談系</v>
      </c>
      <c r="C450" s="11">
        <v>1670160140</v>
      </c>
      <c r="D450" s="12"/>
      <c r="E450" s="12"/>
      <c r="F450" s="55" t="s">
        <v>1887</v>
      </c>
      <c r="G450" s="11"/>
      <c r="H450" s="12" t="s">
        <v>321</v>
      </c>
      <c r="I450" s="55" t="s">
        <v>1605</v>
      </c>
      <c r="J450" s="11" t="s">
        <v>1500</v>
      </c>
      <c r="K450" s="10" t="s">
        <v>1258</v>
      </c>
      <c r="L450" s="18" t="s">
        <v>1888</v>
      </c>
      <c r="M450" s="56">
        <v>45231</v>
      </c>
      <c r="N450" s="56">
        <v>47422</v>
      </c>
      <c r="O450" s="52"/>
      <c r="P450" s="52"/>
      <c r="Q450" s="52"/>
      <c r="R450" s="49" t="s">
        <v>1764</v>
      </c>
      <c r="S450" s="57" t="s">
        <v>366</v>
      </c>
    </row>
    <row r="451" spans="1:19" s="54" customFormat="1" ht="46.5" customHeight="1" x14ac:dyDescent="0.15">
      <c r="A451" s="47" t="s">
        <v>307</v>
      </c>
      <c r="B451" s="48" t="str">
        <f>IFERROR(VLOOKUP($A451,削除禁止!$A$1:$J$42,2,0),"")</f>
        <v>相談系</v>
      </c>
      <c r="C451" s="11">
        <v>1670160157</v>
      </c>
      <c r="D451" s="12"/>
      <c r="E451" s="12"/>
      <c r="F451" s="55" t="s">
        <v>1894</v>
      </c>
      <c r="G451" s="11"/>
      <c r="H451" s="12" t="s">
        <v>924</v>
      </c>
      <c r="I451" s="55" t="s">
        <v>1584</v>
      </c>
      <c r="J451" s="11" t="s">
        <v>1720</v>
      </c>
      <c r="K451" s="10" t="s">
        <v>1293</v>
      </c>
      <c r="L451" s="18" t="s">
        <v>1528</v>
      </c>
      <c r="M451" s="56">
        <v>45261</v>
      </c>
      <c r="N451" s="56">
        <v>47452</v>
      </c>
      <c r="O451" s="52"/>
      <c r="P451" s="52"/>
      <c r="Q451" s="52"/>
      <c r="R451" s="49" t="s">
        <v>1764</v>
      </c>
      <c r="S451" s="57" t="s">
        <v>192</v>
      </c>
    </row>
    <row r="452" spans="1:19" s="54" customFormat="1" ht="46.5" customHeight="1" x14ac:dyDescent="0.15">
      <c r="A452" s="47" t="s">
        <v>1247</v>
      </c>
      <c r="B452" s="48" t="str">
        <f>IFERROR(VLOOKUP($A452,削除禁止!$A$1:$J$42,2,0),"")</f>
        <v>通所系</v>
      </c>
      <c r="C452" s="12">
        <v>1650100140</v>
      </c>
      <c r="D452" s="12"/>
      <c r="E452" s="12"/>
      <c r="F452" s="16" t="s">
        <v>1535</v>
      </c>
      <c r="G452" s="10">
        <v>10</v>
      </c>
      <c r="H452" s="10" t="s">
        <v>479</v>
      </c>
      <c r="I452" s="16" t="s">
        <v>1329</v>
      </c>
      <c r="J452" s="12" t="s">
        <v>609</v>
      </c>
      <c r="K452" s="12" t="s">
        <v>496</v>
      </c>
      <c r="L452" s="19" t="s">
        <v>389</v>
      </c>
      <c r="M452" s="27">
        <v>41365</v>
      </c>
      <c r="N452" s="27">
        <v>45747</v>
      </c>
      <c r="O452" s="52"/>
      <c r="P452" s="52"/>
      <c r="Q452" s="52"/>
      <c r="R452" s="49" t="s">
        <v>1764</v>
      </c>
      <c r="S452" s="49" t="s">
        <v>192</v>
      </c>
    </row>
    <row r="453" spans="1:19" s="54" customFormat="1" ht="46.5" customHeight="1" x14ac:dyDescent="0.15">
      <c r="A453" s="47" t="s">
        <v>1247</v>
      </c>
      <c r="B453" s="48" t="str">
        <f>IFERROR(VLOOKUP($A453,削除禁止!$A$1:$J$42,2,0),"")</f>
        <v>通所系</v>
      </c>
      <c r="C453" s="12">
        <v>1650100090</v>
      </c>
      <c r="D453" s="12"/>
      <c r="E453" s="12"/>
      <c r="F453" s="18" t="s">
        <v>434</v>
      </c>
      <c r="G453" s="10">
        <v>10</v>
      </c>
      <c r="H453" s="10" t="s">
        <v>585</v>
      </c>
      <c r="I453" s="16" t="s">
        <v>981</v>
      </c>
      <c r="J453" s="12" t="s">
        <v>586</v>
      </c>
      <c r="K453" s="12" t="s">
        <v>587</v>
      </c>
      <c r="L453" s="18" t="s">
        <v>1597</v>
      </c>
      <c r="M453" s="27">
        <v>41365</v>
      </c>
      <c r="N453" s="27">
        <v>45747</v>
      </c>
      <c r="O453" s="52"/>
      <c r="P453" s="52"/>
      <c r="Q453" s="52"/>
      <c r="R453" s="49" t="s">
        <v>1764</v>
      </c>
      <c r="S453" s="49" t="s">
        <v>1794</v>
      </c>
    </row>
    <row r="454" spans="1:19" s="54" customFormat="1" ht="46.5" customHeight="1" x14ac:dyDescent="0.15">
      <c r="A454" s="47" t="s">
        <v>1247</v>
      </c>
      <c r="B454" s="48" t="str">
        <f>IFERROR(VLOOKUP($A454,削除禁止!$A$1:$J$42,2,0),"")</f>
        <v>通所系</v>
      </c>
      <c r="C454" s="12">
        <v>1650100363</v>
      </c>
      <c r="D454" s="12"/>
      <c r="E454" s="12"/>
      <c r="F454" s="16" t="s">
        <v>1177</v>
      </c>
      <c r="G454" s="10">
        <v>10</v>
      </c>
      <c r="H454" s="10" t="s">
        <v>754</v>
      </c>
      <c r="I454" s="16" t="s">
        <v>1385</v>
      </c>
      <c r="J454" s="12" t="s">
        <v>97</v>
      </c>
      <c r="K454" s="12" t="s">
        <v>786</v>
      </c>
      <c r="L454" s="18" t="s">
        <v>1597</v>
      </c>
      <c r="M454" s="27">
        <v>42826</v>
      </c>
      <c r="N454" s="27">
        <v>47208</v>
      </c>
      <c r="O454" s="52"/>
      <c r="P454" s="52"/>
      <c r="Q454" s="52"/>
      <c r="R454" s="49" t="s">
        <v>1764</v>
      </c>
      <c r="S454" s="49" t="s">
        <v>1742</v>
      </c>
    </row>
    <row r="455" spans="1:19" s="54" customFormat="1" ht="46.5" customHeight="1" x14ac:dyDescent="0.15">
      <c r="A455" s="47" t="s">
        <v>1247</v>
      </c>
      <c r="B455" s="48" t="str">
        <f>IFERROR(VLOOKUP($A455,削除禁止!$A$1:$J$42,2,0),"")</f>
        <v>通所系</v>
      </c>
      <c r="C455" s="12">
        <v>1650160144</v>
      </c>
      <c r="D455" s="12" t="s">
        <v>651</v>
      </c>
      <c r="E455" s="12"/>
      <c r="F455" s="16" t="s">
        <v>1740</v>
      </c>
      <c r="G455" s="10">
        <v>10</v>
      </c>
      <c r="H455" s="10" t="s">
        <v>794</v>
      </c>
      <c r="I455" s="16" t="s">
        <v>853</v>
      </c>
      <c r="J455" s="12" t="s">
        <v>1179</v>
      </c>
      <c r="K455" s="12" t="s">
        <v>1447</v>
      </c>
      <c r="L455" s="19" t="s">
        <v>1653</v>
      </c>
      <c r="M455" s="63">
        <v>44470</v>
      </c>
      <c r="N455" s="27">
        <v>46660</v>
      </c>
      <c r="O455" s="52"/>
      <c r="P455" s="52"/>
      <c r="Q455" s="52"/>
      <c r="R455" s="49" t="s">
        <v>1764</v>
      </c>
      <c r="S455" s="49" t="s">
        <v>1772</v>
      </c>
    </row>
    <row r="456" spans="1:19" s="54" customFormat="1" ht="46.5" customHeight="1" x14ac:dyDescent="0.15">
      <c r="A456" s="47" t="s">
        <v>1247</v>
      </c>
      <c r="B456" s="48" t="str">
        <f>IFERROR(VLOOKUP($A456,削除禁止!$A$1:$J$42,2,0),"")</f>
        <v>通所系</v>
      </c>
      <c r="C456" s="12">
        <v>1650160193</v>
      </c>
      <c r="D456" s="12" t="s">
        <v>651</v>
      </c>
      <c r="E456" s="12"/>
      <c r="F456" s="16" t="s">
        <v>1664</v>
      </c>
      <c r="G456" s="10">
        <v>10</v>
      </c>
      <c r="H456" s="10" t="s">
        <v>943</v>
      </c>
      <c r="I456" s="16" t="s">
        <v>1697</v>
      </c>
      <c r="J456" s="12" t="s">
        <v>958</v>
      </c>
      <c r="K456" s="12" t="s">
        <v>1464</v>
      </c>
      <c r="L456" s="19" t="s">
        <v>13</v>
      </c>
      <c r="M456" s="63">
        <v>44774</v>
      </c>
      <c r="N456" s="27">
        <v>46965</v>
      </c>
      <c r="O456" s="52"/>
      <c r="P456" s="52"/>
      <c r="Q456" s="52"/>
      <c r="R456" s="49" t="s">
        <v>1008</v>
      </c>
      <c r="S456" s="49" t="s">
        <v>1759</v>
      </c>
    </row>
    <row r="457" spans="1:19" s="54" customFormat="1" ht="46.5" customHeight="1" x14ac:dyDescent="0.15">
      <c r="A457" s="47" t="s">
        <v>1247</v>
      </c>
      <c r="B457" s="48" t="str">
        <f>IFERROR(VLOOKUP($A457,削除禁止!$A$1:$J$42,2,0),"")</f>
        <v>通所系</v>
      </c>
      <c r="C457" s="12">
        <v>1650160243</v>
      </c>
      <c r="D457" s="12"/>
      <c r="E457" s="12"/>
      <c r="F457" s="16" t="s">
        <v>193</v>
      </c>
      <c r="G457" s="10">
        <v>10</v>
      </c>
      <c r="H457" s="10" t="s">
        <v>3</v>
      </c>
      <c r="I457" s="16" t="s">
        <v>1534</v>
      </c>
      <c r="J457" s="12" t="s">
        <v>1865</v>
      </c>
      <c r="K457" s="12" t="s">
        <v>1755</v>
      </c>
      <c r="L457" s="19" t="s">
        <v>1413</v>
      </c>
      <c r="M457" s="63">
        <v>44958</v>
      </c>
      <c r="N457" s="27">
        <v>47149</v>
      </c>
      <c r="O457" s="52"/>
      <c r="P457" s="52"/>
      <c r="Q457" s="52"/>
      <c r="R457" s="49" t="s">
        <v>1764</v>
      </c>
      <c r="S457" s="49" t="s">
        <v>1525</v>
      </c>
    </row>
    <row r="458" spans="1:19" s="54" customFormat="1" ht="46.5" customHeight="1" x14ac:dyDescent="0.15">
      <c r="A458" s="47" t="s">
        <v>1247</v>
      </c>
      <c r="B458" s="48" t="str">
        <f>IFERROR(VLOOKUP($A458,削除禁止!$A$1:$J$42,2,0),"")</f>
        <v>通所系</v>
      </c>
      <c r="C458" s="39">
        <v>1650160300</v>
      </c>
      <c r="D458" s="40"/>
      <c r="E458" s="40"/>
      <c r="F458" s="41" t="s">
        <v>1939</v>
      </c>
      <c r="G458" s="39">
        <v>10</v>
      </c>
      <c r="H458" s="10" t="s">
        <v>1940</v>
      </c>
      <c r="I458" s="41" t="s">
        <v>1941</v>
      </c>
      <c r="J458" s="39" t="s">
        <v>1942</v>
      </c>
      <c r="K458" s="42" t="s">
        <v>1943</v>
      </c>
      <c r="L458" s="19" t="s">
        <v>1653</v>
      </c>
      <c r="M458" s="64">
        <v>45383</v>
      </c>
      <c r="N458" s="43">
        <v>47573</v>
      </c>
      <c r="O458" s="59"/>
      <c r="P458" s="59"/>
      <c r="Q458" s="59"/>
      <c r="R458" s="60" t="s">
        <v>1764</v>
      </c>
      <c r="S458" s="61" t="s">
        <v>1571</v>
      </c>
    </row>
    <row r="459" spans="1:19" s="54" customFormat="1" ht="46.5" customHeight="1" x14ac:dyDescent="0.15">
      <c r="A459" s="47" t="s">
        <v>1656</v>
      </c>
      <c r="B459" s="48" t="str">
        <f>IFERROR(VLOOKUP($A459,削除禁止!$A$1:$J$42,2,0),"")</f>
        <v>通所系</v>
      </c>
      <c r="C459" s="12">
        <v>1650100124</v>
      </c>
      <c r="D459" s="12" t="s">
        <v>651</v>
      </c>
      <c r="E459" s="12"/>
      <c r="F459" s="16" t="s">
        <v>567</v>
      </c>
      <c r="G459" s="10">
        <v>5</v>
      </c>
      <c r="H459" s="10" t="s">
        <v>139</v>
      </c>
      <c r="I459" s="16" t="s">
        <v>1326</v>
      </c>
      <c r="J459" s="12" t="s">
        <v>568</v>
      </c>
      <c r="K459" s="12" t="s">
        <v>572</v>
      </c>
      <c r="L459" s="19" t="s">
        <v>567</v>
      </c>
      <c r="M459" s="27">
        <v>41000</v>
      </c>
      <c r="N459" s="27">
        <v>47573</v>
      </c>
      <c r="O459" s="52"/>
      <c r="P459" s="52"/>
      <c r="Q459" s="52"/>
      <c r="R459" s="49" t="s">
        <v>1008</v>
      </c>
      <c r="S459" s="49" t="s">
        <v>1836</v>
      </c>
    </row>
    <row r="460" spans="1:19" s="54" customFormat="1" ht="46.5" customHeight="1" x14ac:dyDescent="0.15">
      <c r="A460" s="47" t="s">
        <v>1656</v>
      </c>
      <c r="B460" s="48" t="str">
        <f>IFERROR(VLOOKUP($A460,削除禁止!$A$1:$J$42,2,0),"")</f>
        <v>通所系</v>
      </c>
      <c r="C460" s="12">
        <v>1650100173</v>
      </c>
      <c r="D460" s="12" t="s">
        <v>651</v>
      </c>
      <c r="E460" s="12"/>
      <c r="F460" s="16" t="s">
        <v>1084</v>
      </c>
      <c r="G460" s="10">
        <v>10</v>
      </c>
      <c r="H460" s="10" t="s">
        <v>783</v>
      </c>
      <c r="I460" s="16" t="s">
        <v>1390</v>
      </c>
      <c r="J460" s="12" t="s">
        <v>462</v>
      </c>
      <c r="K460" s="12" t="s">
        <v>536</v>
      </c>
      <c r="L460" s="19" t="s">
        <v>1404</v>
      </c>
      <c r="M460" s="27">
        <v>41579</v>
      </c>
      <c r="N460" s="27">
        <v>45961</v>
      </c>
      <c r="O460" s="52"/>
      <c r="P460" s="52"/>
      <c r="Q460" s="52"/>
      <c r="R460" s="49" t="s">
        <v>1764</v>
      </c>
      <c r="S460" s="49" t="s">
        <v>1827</v>
      </c>
    </row>
    <row r="461" spans="1:19" s="54" customFormat="1" ht="46.5" customHeight="1" x14ac:dyDescent="0.15">
      <c r="A461" s="47" t="s">
        <v>1656</v>
      </c>
      <c r="B461" s="48" t="str">
        <f>IFERROR(VLOOKUP($A461,削除禁止!$A$1:$J$42,2,0),"")</f>
        <v>通所系</v>
      </c>
      <c r="C461" s="12">
        <v>1650100199</v>
      </c>
      <c r="D461" s="12" t="s">
        <v>651</v>
      </c>
      <c r="E461" s="12"/>
      <c r="F461" s="16" t="s">
        <v>905</v>
      </c>
      <c r="G461" s="10">
        <v>10</v>
      </c>
      <c r="H461" s="10" t="s">
        <v>53</v>
      </c>
      <c r="I461" s="16" t="s">
        <v>1388</v>
      </c>
      <c r="J461" s="12" t="s">
        <v>802</v>
      </c>
      <c r="K461" s="12" t="s">
        <v>797</v>
      </c>
      <c r="L461" s="19" t="s">
        <v>1143</v>
      </c>
      <c r="M461" s="27">
        <v>41852</v>
      </c>
      <c r="N461" s="27">
        <v>46234</v>
      </c>
      <c r="O461" s="52"/>
      <c r="P461" s="52"/>
      <c r="Q461" s="52"/>
      <c r="R461" s="49" t="s">
        <v>1764</v>
      </c>
      <c r="S461" s="49" t="s">
        <v>1704</v>
      </c>
    </row>
    <row r="462" spans="1:19" s="54" customFormat="1" ht="46.5" customHeight="1" x14ac:dyDescent="0.15">
      <c r="A462" s="47" t="s">
        <v>1656</v>
      </c>
      <c r="B462" s="48" t="str">
        <f>IFERROR(VLOOKUP($A462,削除禁止!$A$1:$J$42,2,0),"")</f>
        <v>通所系</v>
      </c>
      <c r="C462" s="12">
        <v>1650100215</v>
      </c>
      <c r="D462" s="12" t="s">
        <v>651</v>
      </c>
      <c r="E462" s="12"/>
      <c r="F462" s="16" t="s">
        <v>1626</v>
      </c>
      <c r="G462" s="10">
        <v>10</v>
      </c>
      <c r="H462" s="10" t="s">
        <v>36</v>
      </c>
      <c r="I462" s="55" t="s">
        <v>1902</v>
      </c>
      <c r="J462" s="12" t="s">
        <v>1903</v>
      </c>
      <c r="K462" s="12" t="s">
        <v>1579</v>
      </c>
      <c r="L462" s="19" t="s">
        <v>1405</v>
      </c>
      <c r="M462" s="27">
        <v>41883</v>
      </c>
      <c r="N462" s="27">
        <v>46265</v>
      </c>
      <c r="O462" s="52"/>
      <c r="P462" s="52"/>
      <c r="Q462" s="52"/>
      <c r="R462" s="49" t="s">
        <v>1764</v>
      </c>
      <c r="S462" s="49" t="s">
        <v>1816</v>
      </c>
    </row>
    <row r="463" spans="1:19" s="54" customFormat="1" ht="46.5" customHeight="1" x14ac:dyDescent="0.15">
      <c r="A463" s="47" t="s">
        <v>1656</v>
      </c>
      <c r="B463" s="48" t="str">
        <f>IFERROR(VLOOKUP($A463,削除禁止!$A$1:$J$42,2,0),"")</f>
        <v>通所系</v>
      </c>
      <c r="C463" s="12">
        <v>1650100249</v>
      </c>
      <c r="D463" s="12" t="s">
        <v>651</v>
      </c>
      <c r="E463" s="12"/>
      <c r="F463" s="16" t="s">
        <v>172</v>
      </c>
      <c r="G463" s="10">
        <v>10</v>
      </c>
      <c r="H463" s="10" t="s">
        <v>674</v>
      </c>
      <c r="I463" s="16" t="s">
        <v>1698</v>
      </c>
      <c r="J463" s="12" t="s">
        <v>926</v>
      </c>
      <c r="K463" s="12" t="s">
        <v>571</v>
      </c>
      <c r="L463" s="19" t="s">
        <v>1056</v>
      </c>
      <c r="M463" s="27">
        <v>42095</v>
      </c>
      <c r="N463" s="27">
        <v>46477</v>
      </c>
      <c r="O463" s="52"/>
      <c r="P463" s="52"/>
      <c r="Q463" s="52"/>
      <c r="R463" s="49" t="s">
        <v>1764</v>
      </c>
      <c r="S463" s="49" t="s">
        <v>1527</v>
      </c>
    </row>
    <row r="464" spans="1:19" s="54" customFormat="1" ht="46.5" customHeight="1" x14ac:dyDescent="0.15">
      <c r="A464" s="47" t="s">
        <v>1656</v>
      </c>
      <c r="B464" s="48" t="str">
        <f>IFERROR(VLOOKUP($A464,削除禁止!$A$1:$J$42,2,0),"")</f>
        <v>通所系</v>
      </c>
      <c r="C464" s="11">
        <v>1650100306</v>
      </c>
      <c r="D464" s="12" t="s">
        <v>651</v>
      </c>
      <c r="E464" s="12"/>
      <c r="F464" s="16" t="s">
        <v>1229</v>
      </c>
      <c r="G464" s="10">
        <v>10</v>
      </c>
      <c r="H464" s="10" t="s">
        <v>743</v>
      </c>
      <c r="I464" s="16" t="s">
        <v>1574</v>
      </c>
      <c r="J464" s="12" t="s">
        <v>928</v>
      </c>
      <c r="K464" s="12" t="s">
        <v>931</v>
      </c>
      <c r="L464" s="19" t="s">
        <v>1528</v>
      </c>
      <c r="M464" s="27">
        <v>42430</v>
      </c>
      <c r="N464" s="27">
        <v>46812</v>
      </c>
      <c r="O464" s="52"/>
      <c r="P464" s="52"/>
      <c r="Q464" s="52"/>
      <c r="R464" s="49" t="s">
        <v>1764</v>
      </c>
      <c r="S464" s="49" t="s">
        <v>1775</v>
      </c>
    </row>
    <row r="465" spans="1:19" s="54" customFormat="1" ht="46.5" customHeight="1" x14ac:dyDescent="0.15">
      <c r="A465" s="47" t="s">
        <v>1656</v>
      </c>
      <c r="B465" s="48" t="str">
        <f>IFERROR(VLOOKUP($A465,削除禁止!$A$1:$J$42,2,0),"")</f>
        <v>通所系</v>
      </c>
      <c r="C465" s="11">
        <v>1650100314</v>
      </c>
      <c r="D465" s="12" t="s">
        <v>651</v>
      </c>
      <c r="E465" s="12"/>
      <c r="F465" s="16" t="s">
        <v>1099</v>
      </c>
      <c r="G465" s="10">
        <v>10</v>
      </c>
      <c r="H465" s="10" t="s">
        <v>672</v>
      </c>
      <c r="I465" s="16" t="s">
        <v>41</v>
      </c>
      <c r="J465" s="12" t="s">
        <v>215</v>
      </c>
      <c r="K465" s="12" t="s">
        <v>646</v>
      </c>
      <c r="L465" s="19" t="s">
        <v>1101</v>
      </c>
      <c r="M465" s="27">
        <v>42430</v>
      </c>
      <c r="N465" s="26">
        <v>46812</v>
      </c>
      <c r="O465" s="52"/>
      <c r="P465" s="52"/>
      <c r="Q465" s="52"/>
      <c r="R465" s="49" t="s">
        <v>1764</v>
      </c>
      <c r="S465" s="49" t="s">
        <v>1826</v>
      </c>
    </row>
    <row r="466" spans="1:19" s="54" customFormat="1" ht="46.5" customHeight="1" x14ac:dyDescent="0.15">
      <c r="A466" s="47" t="s">
        <v>1656</v>
      </c>
      <c r="B466" s="48" t="str">
        <f>IFERROR(VLOOKUP($A466,削除禁止!$A$1:$J$42,2,0),"")</f>
        <v>通所系</v>
      </c>
      <c r="C466" s="11">
        <v>1650100322</v>
      </c>
      <c r="D466" s="12" t="s">
        <v>651</v>
      </c>
      <c r="E466" s="12"/>
      <c r="F466" s="16" t="s">
        <v>1252</v>
      </c>
      <c r="G466" s="10">
        <v>10</v>
      </c>
      <c r="H466" s="10" t="s">
        <v>783</v>
      </c>
      <c r="I466" s="16" t="s">
        <v>1392</v>
      </c>
      <c r="J466" s="12" t="s">
        <v>702</v>
      </c>
      <c r="K466" s="12" t="s">
        <v>932</v>
      </c>
      <c r="L466" s="19" t="s">
        <v>1404</v>
      </c>
      <c r="M466" s="27">
        <v>42522</v>
      </c>
      <c r="N466" s="26">
        <v>46904</v>
      </c>
      <c r="O466" s="52"/>
      <c r="P466" s="52"/>
      <c r="Q466" s="52"/>
      <c r="R466" s="49" t="s">
        <v>1764</v>
      </c>
      <c r="S466" s="49" t="s">
        <v>1827</v>
      </c>
    </row>
    <row r="467" spans="1:19" s="54" customFormat="1" ht="46.5" customHeight="1" x14ac:dyDescent="0.15">
      <c r="A467" s="47" t="s">
        <v>1656</v>
      </c>
      <c r="B467" s="48" t="str">
        <f>IFERROR(VLOOKUP($A467,削除禁止!$A$1:$J$42,2,0),"")</f>
        <v>通所系</v>
      </c>
      <c r="C467" s="12">
        <v>1650100330</v>
      </c>
      <c r="D467" s="12" t="s">
        <v>651</v>
      </c>
      <c r="E467" s="12"/>
      <c r="F467" s="16" t="s">
        <v>830</v>
      </c>
      <c r="G467" s="10">
        <v>10</v>
      </c>
      <c r="H467" s="10" t="s">
        <v>794</v>
      </c>
      <c r="I467" s="16" t="s">
        <v>1700</v>
      </c>
      <c r="J467" s="12" t="s">
        <v>933</v>
      </c>
      <c r="K467" s="12" t="s">
        <v>933</v>
      </c>
      <c r="L467" s="19" t="s">
        <v>1405</v>
      </c>
      <c r="M467" s="27">
        <v>42571</v>
      </c>
      <c r="N467" s="27">
        <v>46953</v>
      </c>
      <c r="O467" s="52"/>
      <c r="P467" s="52"/>
      <c r="Q467" s="52"/>
      <c r="R467" s="49" t="s">
        <v>1764</v>
      </c>
      <c r="S467" s="49" t="s">
        <v>1772</v>
      </c>
    </row>
    <row r="468" spans="1:19" s="54" customFormat="1" ht="46.5" customHeight="1" x14ac:dyDescent="0.15">
      <c r="A468" s="47" t="s">
        <v>1656</v>
      </c>
      <c r="B468" s="48" t="str">
        <f>IFERROR(VLOOKUP($A468,削除禁止!$A$1:$J$42,2,0),"")</f>
        <v>通所系</v>
      </c>
      <c r="C468" s="12">
        <v>1650100389</v>
      </c>
      <c r="D468" s="12" t="s">
        <v>651</v>
      </c>
      <c r="E468" s="12"/>
      <c r="F468" s="16" t="s">
        <v>1264</v>
      </c>
      <c r="G468" s="10">
        <v>10</v>
      </c>
      <c r="H468" s="10" t="s">
        <v>943</v>
      </c>
      <c r="I468" s="16" t="s">
        <v>1393</v>
      </c>
      <c r="J468" s="12" t="s">
        <v>799</v>
      </c>
      <c r="K468" s="12" t="s">
        <v>492</v>
      </c>
      <c r="L468" s="19" t="s">
        <v>1407</v>
      </c>
      <c r="M468" s="27">
        <v>42948</v>
      </c>
      <c r="N468" s="27">
        <v>47330</v>
      </c>
      <c r="O468" s="52"/>
      <c r="P468" s="52"/>
      <c r="Q468" s="52"/>
      <c r="R468" s="49" t="s">
        <v>1008</v>
      </c>
      <c r="S468" s="49" t="s">
        <v>1759</v>
      </c>
    </row>
    <row r="469" spans="1:19" s="54" customFormat="1" ht="46.5" customHeight="1" x14ac:dyDescent="0.15">
      <c r="A469" s="47" t="s">
        <v>1656</v>
      </c>
      <c r="B469" s="48" t="str">
        <f>IFERROR(VLOOKUP($A469,削除禁止!$A$1:$J$42,2,0),"")</f>
        <v>通所系</v>
      </c>
      <c r="C469" s="12">
        <v>1650100397</v>
      </c>
      <c r="D469" s="12" t="s">
        <v>651</v>
      </c>
      <c r="E469" s="12"/>
      <c r="F469" s="16" t="s">
        <v>1165</v>
      </c>
      <c r="G469" s="10">
        <v>10</v>
      </c>
      <c r="H469" s="10" t="s">
        <v>947</v>
      </c>
      <c r="I469" s="16" t="s">
        <v>1394</v>
      </c>
      <c r="J469" s="12" t="s">
        <v>504</v>
      </c>
      <c r="K469" s="12" t="s">
        <v>844</v>
      </c>
      <c r="L469" s="19" t="s">
        <v>1143</v>
      </c>
      <c r="M469" s="27">
        <v>42954</v>
      </c>
      <c r="N469" s="27">
        <v>47336</v>
      </c>
      <c r="O469" s="52"/>
      <c r="P469" s="52"/>
      <c r="Q469" s="52"/>
      <c r="R469" s="49" t="s">
        <v>1008</v>
      </c>
      <c r="S469" s="49" t="s">
        <v>1800</v>
      </c>
    </row>
    <row r="470" spans="1:19" s="54" customFormat="1" ht="46.5" customHeight="1" x14ac:dyDescent="0.15">
      <c r="A470" s="47" t="s">
        <v>1656</v>
      </c>
      <c r="B470" s="48" t="str">
        <f>IFERROR(VLOOKUP($A470,削除禁止!$A$1:$J$42,2,0),"")</f>
        <v>通所系</v>
      </c>
      <c r="C470" s="12">
        <v>1650100405</v>
      </c>
      <c r="D470" s="12" t="s">
        <v>651</v>
      </c>
      <c r="E470" s="12"/>
      <c r="F470" s="16" t="s">
        <v>1265</v>
      </c>
      <c r="G470" s="10">
        <v>10</v>
      </c>
      <c r="H470" s="10" t="s">
        <v>746</v>
      </c>
      <c r="I470" s="16" t="s">
        <v>1360</v>
      </c>
      <c r="J470" s="12" t="s">
        <v>1492</v>
      </c>
      <c r="K470" s="12" t="s">
        <v>510</v>
      </c>
      <c r="L470" s="19" t="s">
        <v>1408</v>
      </c>
      <c r="M470" s="27">
        <v>43160</v>
      </c>
      <c r="N470" s="27">
        <v>47542</v>
      </c>
      <c r="O470" s="52"/>
      <c r="P470" s="52"/>
      <c r="Q470" s="52"/>
      <c r="R470" s="49" t="s">
        <v>1764</v>
      </c>
      <c r="S470" s="49" t="s">
        <v>1817</v>
      </c>
    </row>
    <row r="471" spans="1:19" s="54" customFormat="1" ht="46.5" customHeight="1" x14ac:dyDescent="0.15">
      <c r="A471" s="47" t="s">
        <v>1656</v>
      </c>
      <c r="B471" s="48" t="str">
        <f>IFERROR(VLOOKUP($A471,削除禁止!$A$1:$J$42,2,0),"")</f>
        <v>通所系</v>
      </c>
      <c r="C471" s="12">
        <v>1650100421</v>
      </c>
      <c r="D471" s="12" t="s">
        <v>651</v>
      </c>
      <c r="E471" s="12"/>
      <c r="F471" s="16" t="s">
        <v>274</v>
      </c>
      <c r="G471" s="10">
        <v>10</v>
      </c>
      <c r="H471" s="10" t="s">
        <v>794</v>
      </c>
      <c r="I471" s="16" t="s">
        <v>1700</v>
      </c>
      <c r="J471" s="12" t="s">
        <v>480</v>
      </c>
      <c r="K471" s="12" t="s">
        <v>951</v>
      </c>
      <c r="L471" s="19" t="s">
        <v>1405</v>
      </c>
      <c r="M471" s="27">
        <v>43191</v>
      </c>
      <c r="N471" s="27">
        <v>47573</v>
      </c>
      <c r="O471" s="52"/>
      <c r="P471" s="52"/>
      <c r="Q471" s="52"/>
      <c r="R471" s="49" t="s">
        <v>1764</v>
      </c>
      <c r="S471" s="49" t="s">
        <v>1772</v>
      </c>
    </row>
    <row r="472" spans="1:19" s="54" customFormat="1" ht="46.5" customHeight="1" x14ac:dyDescent="0.15">
      <c r="A472" s="47" t="s">
        <v>1656</v>
      </c>
      <c r="B472" s="48" t="str">
        <f>IFERROR(VLOOKUP($A472,削除禁止!$A$1:$J$42,2,0),"")</f>
        <v>通所系</v>
      </c>
      <c r="C472" s="12">
        <v>1650100447</v>
      </c>
      <c r="D472" s="12" t="s">
        <v>651</v>
      </c>
      <c r="E472" s="12"/>
      <c r="F472" s="16" t="s">
        <v>291</v>
      </c>
      <c r="G472" s="10">
        <v>5</v>
      </c>
      <c r="H472" s="10" t="s">
        <v>3</v>
      </c>
      <c r="I472" s="16" t="s">
        <v>1680</v>
      </c>
      <c r="J472" s="12" t="s">
        <v>952</v>
      </c>
      <c r="K472" s="12" t="s">
        <v>413</v>
      </c>
      <c r="L472" s="19" t="s">
        <v>1198</v>
      </c>
      <c r="M472" s="27">
        <v>43191</v>
      </c>
      <c r="N472" s="27">
        <v>47573</v>
      </c>
      <c r="O472" s="52"/>
      <c r="P472" s="52"/>
      <c r="Q472" s="52"/>
      <c r="R472" s="49" t="s">
        <v>1764</v>
      </c>
      <c r="S472" s="49" t="s">
        <v>1525</v>
      </c>
    </row>
    <row r="473" spans="1:19" s="54" customFormat="1" ht="46.5" customHeight="1" x14ac:dyDescent="0.15">
      <c r="A473" s="47" t="s">
        <v>1656</v>
      </c>
      <c r="B473" s="48" t="str">
        <f>IFERROR(VLOOKUP($A473,削除禁止!$A$1:$J$42,2,0),"")</f>
        <v>通所系</v>
      </c>
      <c r="C473" s="12">
        <v>1650100462</v>
      </c>
      <c r="D473" s="12" t="s">
        <v>651</v>
      </c>
      <c r="E473" s="12" t="s">
        <v>651</v>
      </c>
      <c r="F473" s="16" t="s">
        <v>961</v>
      </c>
      <c r="G473" s="10">
        <v>10</v>
      </c>
      <c r="H473" s="10" t="s">
        <v>835</v>
      </c>
      <c r="I473" s="16" t="s">
        <v>427</v>
      </c>
      <c r="J473" s="12" t="s">
        <v>461</v>
      </c>
      <c r="K473" s="12" t="s">
        <v>461</v>
      </c>
      <c r="L473" s="19" t="s">
        <v>742</v>
      </c>
      <c r="M473" s="27">
        <v>43191</v>
      </c>
      <c r="N473" s="27">
        <v>47573</v>
      </c>
      <c r="O473" s="52"/>
      <c r="P473" s="52"/>
      <c r="Q473" s="52"/>
      <c r="R473" s="49" t="s">
        <v>1764</v>
      </c>
      <c r="S473" s="49" t="s">
        <v>1816</v>
      </c>
    </row>
    <row r="474" spans="1:19" s="54" customFormat="1" ht="46.5" customHeight="1" x14ac:dyDescent="0.15">
      <c r="A474" s="47" t="s">
        <v>1656</v>
      </c>
      <c r="B474" s="48" t="str">
        <f>IFERROR(VLOOKUP($A474,削除禁止!$A$1:$J$42,2,0),"")</f>
        <v>通所系</v>
      </c>
      <c r="C474" s="12">
        <v>1650100488</v>
      </c>
      <c r="D474" s="12" t="s">
        <v>651</v>
      </c>
      <c r="E474" s="12" t="s">
        <v>651</v>
      </c>
      <c r="F474" s="16" t="s">
        <v>962</v>
      </c>
      <c r="G474" s="10">
        <v>15</v>
      </c>
      <c r="H474" s="10" t="s">
        <v>497</v>
      </c>
      <c r="I474" s="16" t="s">
        <v>1332</v>
      </c>
      <c r="J474" s="12" t="s">
        <v>500</v>
      </c>
      <c r="K474" s="12" t="s">
        <v>502</v>
      </c>
      <c r="L474" s="19" t="s">
        <v>551</v>
      </c>
      <c r="M474" s="27">
        <v>43191</v>
      </c>
      <c r="N474" s="27">
        <v>47573</v>
      </c>
      <c r="O474" s="52"/>
      <c r="P474" s="52"/>
      <c r="Q474" s="52"/>
      <c r="R474" s="49" t="s">
        <v>1764</v>
      </c>
      <c r="S474" s="49" t="s">
        <v>1704</v>
      </c>
    </row>
    <row r="475" spans="1:19" s="54" customFormat="1" ht="46.5" customHeight="1" x14ac:dyDescent="0.15">
      <c r="A475" s="47" t="s">
        <v>1656</v>
      </c>
      <c r="B475" s="48" t="str">
        <f>IFERROR(VLOOKUP($A475,削除禁止!$A$1:$J$42,2,0),"")</f>
        <v>通所系</v>
      </c>
      <c r="C475" s="12">
        <v>1650100496</v>
      </c>
      <c r="D475" s="12" t="s">
        <v>651</v>
      </c>
      <c r="E475" s="12" t="s">
        <v>651</v>
      </c>
      <c r="F475" s="16" t="s">
        <v>965</v>
      </c>
      <c r="G475" s="10">
        <v>18</v>
      </c>
      <c r="H475" s="10" t="s">
        <v>29</v>
      </c>
      <c r="I475" s="16" t="s">
        <v>1347</v>
      </c>
      <c r="J475" s="12" t="s">
        <v>693</v>
      </c>
      <c r="K475" s="12" t="s">
        <v>823</v>
      </c>
      <c r="L475" s="19" t="s">
        <v>966</v>
      </c>
      <c r="M475" s="27">
        <v>43191</v>
      </c>
      <c r="N475" s="27">
        <v>47573</v>
      </c>
      <c r="O475" s="52"/>
      <c r="P475" s="52"/>
      <c r="Q475" s="52"/>
      <c r="R475" s="49" t="s">
        <v>1764</v>
      </c>
      <c r="S475" s="49" t="s">
        <v>1822</v>
      </c>
    </row>
    <row r="476" spans="1:19" s="54" customFormat="1" ht="46.5" customHeight="1" x14ac:dyDescent="0.15">
      <c r="A476" s="47" t="s">
        <v>1656</v>
      </c>
      <c r="B476" s="48" t="str">
        <f>IFERROR(VLOOKUP($A476,削除禁止!$A$1:$J$42,2,0),"")</f>
        <v>通所系</v>
      </c>
      <c r="C476" s="12">
        <v>1650100504</v>
      </c>
      <c r="D476" s="12" t="s">
        <v>651</v>
      </c>
      <c r="E476" s="12" t="s">
        <v>651</v>
      </c>
      <c r="F476" s="16" t="s">
        <v>805</v>
      </c>
      <c r="G476" s="10">
        <v>18</v>
      </c>
      <c r="H476" s="10" t="s">
        <v>208</v>
      </c>
      <c r="I476" s="16" t="s">
        <v>1327</v>
      </c>
      <c r="J476" s="12" t="s">
        <v>676</v>
      </c>
      <c r="K476" s="12" t="s">
        <v>676</v>
      </c>
      <c r="L476" s="19" t="s">
        <v>551</v>
      </c>
      <c r="M476" s="27">
        <v>43191</v>
      </c>
      <c r="N476" s="27">
        <v>47573</v>
      </c>
      <c r="O476" s="52"/>
      <c r="P476" s="52"/>
      <c r="Q476" s="52"/>
      <c r="R476" s="49" t="s">
        <v>1764</v>
      </c>
      <c r="S476" s="49" t="s">
        <v>1527</v>
      </c>
    </row>
    <row r="477" spans="1:19" s="54" customFormat="1" ht="46.5" customHeight="1" x14ac:dyDescent="0.15">
      <c r="A477" s="47" t="s">
        <v>1656</v>
      </c>
      <c r="B477" s="48" t="str">
        <f>IFERROR(VLOOKUP($A477,削除禁止!$A$1:$J$42,2,0),"")</f>
        <v>通所系</v>
      </c>
      <c r="C477" s="12">
        <v>1650100512</v>
      </c>
      <c r="D477" s="12" t="s">
        <v>651</v>
      </c>
      <c r="E477" s="12" t="s">
        <v>651</v>
      </c>
      <c r="F477" s="16" t="s">
        <v>817</v>
      </c>
      <c r="G477" s="10">
        <v>22</v>
      </c>
      <c r="H477" s="10" t="s">
        <v>208</v>
      </c>
      <c r="I477" s="16" t="s">
        <v>1044</v>
      </c>
      <c r="J477" s="12" t="s">
        <v>745</v>
      </c>
      <c r="K477" s="12" t="s">
        <v>676</v>
      </c>
      <c r="L477" s="19" t="s">
        <v>551</v>
      </c>
      <c r="M477" s="27">
        <v>43191</v>
      </c>
      <c r="N477" s="27">
        <v>47573</v>
      </c>
      <c r="O477" s="52"/>
      <c r="P477" s="52"/>
      <c r="Q477" s="52"/>
      <c r="R477" s="49" t="s">
        <v>1764</v>
      </c>
      <c r="S477" s="49" t="s">
        <v>1527</v>
      </c>
    </row>
    <row r="478" spans="1:19" s="54" customFormat="1" ht="46.5" customHeight="1" x14ac:dyDescent="0.15">
      <c r="A478" s="47" t="s">
        <v>1656</v>
      </c>
      <c r="B478" s="48" t="str">
        <f>IFERROR(VLOOKUP($A478,削除禁止!$A$1:$J$42,2,0),"")</f>
        <v>通所系</v>
      </c>
      <c r="C478" s="12">
        <v>1650100538</v>
      </c>
      <c r="D478" s="12" t="s">
        <v>651</v>
      </c>
      <c r="E478" s="12" t="s">
        <v>651</v>
      </c>
      <c r="F478" s="16" t="s">
        <v>972</v>
      </c>
      <c r="G478" s="10">
        <v>18</v>
      </c>
      <c r="H478" s="10" t="s">
        <v>377</v>
      </c>
      <c r="I478" s="16" t="s">
        <v>1677</v>
      </c>
      <c r="J478" s="12" t="s">
        <v>445</v>
      </c>
      <c r="K478" s="12" t="s">
        <v>812</v>
      </c>
      <c r="L478" s="19" t="s">
        <v>872</v>
      </c>
      <c r="M478" s="27">
        <v>43191</v>
      </c>
      <c r="N478" s="27">
        <v>47573</v>
      </c>
      <c r="O478" s="52"/>
      <c r="P478" s="52"/>
      <c r="Q478" s="52"/>
      <c r="R478" s="49" t="s">
        <v>1764</v>
      </c>
      <c r="S478" s="49" t="s">
        <v>562</v>
      </c>
    </row>
    <row r="479" spans="1:19" s="54" customFormat="1" ht="46.5" customHeight="1" x14ac:dyDescent="0.15">
      <c r="A479" s="47" t="s">
        <v>1656</v>
      </c>
      <c r="B479" s="48" t="str">
        <f>IFERROR(VLOOKUP($A479,削除禁止!$A$1:$J$42,2,0),"")</f>
        <v>通所系</v>
      </c>
      <c r="C479" s="12">
        <v>1650100546</v>
      </c>
      <c r="D479" s="12" t="s">
        <v>651</v>
      </c>
      <c r="E479" s="12" t="s">
        <v>651</v>
      </c>
      <c r="F479" s="16" t="s">
        <v>974</v>
      </c>
      <c r="G479" s="10">
        <v>18</v>
      </c>
      <c r="H479" s="10" t="s">
        <v>95</v>
      </c>
      <c r="I479" s="16" t="s">
        <v>874</v>
      </c>
      <c r="J479" s="12" t="s">
        <v>181</v>
      </c>
      <c r="K479" s="12" t="s">
        <v>199</v>
      </c>
      <c r="L479" s="19" t="s">
        <v>829</v>
      </c>
      <c r="M479" s="27">
        <v>43191</v>
      </c>
      <c r="N479" s="27">
        <v>47573</v>
      </c>
      <c r="O479" s="52"/>
      <c r="P479" s="52"/>
      <c r="Q479" s="52"/>
      <c r="R479" s="49" t="s">
        <v>1764</v>
      </c>
      <c r="S479" s="49" t="s">
        <v>192</v>
      </c>
    </row>
    <row r="480" spans="1:19" s="54" customFormat="1" ht="46.5" customHeight="1" x14ac:dyDescent="0.15">
      <c r="A480" s="47" t="s">
        <v>1656</v>
      </c>
      <c r="B480" s="48" t="str">
        <f>IFERROR(VLOOKUP($A480,削除禁止!$A$1:$J$42,2,0),"")</f>
        <v>通所系</v>
      </c>
      <c r="C480" s="12">
        <v>1650100561</v>
      </c>
      <c r="D480" s="12" t="s">
        <v>651</v>
      </c>
      <c r="E480" s="12" t="s">
        <v>651</v>
      </c>
      <c r="F480" s="16" t="s">
        <v>808</v>
      </c>
      <c r="G480" s="10">
        <v>25</v>
      </c>
      <c r="H480" s="10" t="s">
        <v>506</v>
      </c>
      <c r="I480" s="16" t="s">
        <v>540</v>
      </c>
      <c r="J480" s="12" t="s">
        <v>508</v>
      </c>
      <c r="K480" s="12" t="s">
        <v>314</v>
      </c>
      <c r="L480" s="19" t="s">
        <v>22</v>
      </c>
      <c r="M480" s="27">
        <v>43191</v>
      </c>
      <c r="N480" s="27">
        <v>47573</v>
      </c>
      <c r="O480" s="52"/>
      <c r="P480" s="52"/>
      <c r="Q480" s="52"/>
      <c r="R480" s="49" t="s">
        <v>1764</v>
      </c>
      <c r="S480" s="49" t="s">
        <v>1760</v>
      </c>
    </row>
    <row r="481" spans="1:19" s="54" customFormat="1" ht="46.5" customHeight="1" x14ac:dyDescent="0.15">
      <c r="A481" s="47" t="s">
        <v>1656</v>
      </c>
      <c r="B481" s="48" t="str">
        <f>IFERROR(VLOOKUP($A481,削除禁止!$A$1:$J$42,2,0),"")</f>
        <v>通所系</v>
      </c>
      <c r="C481" s="12">
        <v>1650100579</v>
      </c>
      <c r="D481" s="12" t="s">
        <v>651</v>
      </c>
      <c r="E481" s="12" t="s">
        <v>651</v>
      </c>
      <c r="F481" s="16" t="s">
        <v>796</v>
      </c>
      <c r="G481" s="10">
        <v>18</v>
      </c>
      <c r="H481" s="10" t="s">
        <v>611</v>
      </c>
      <c r="I481" s="16" t="s">
        <v>1570</v>
      </c>
      <c r="J481" s="12" t="s">
        <v>819</v>
      </c>
      <c r="K481" s="12" t="s">
        <v>327</v>
      </c>
      <c r="L481" s="19" t="s">
        <v>669</v>
      </c>
      <c r="M481" s="27">
        <v>43191</v>
      </c>
      <c r="N481" s="27">
        <v>47573</v>
      </c>
      <c r="O481" s="52"/>
      <c r="P481" s="52"/>
      <c r="Q481" s="52"/>
      <c r="R481" s="49" t="s">
        <v>1764</v>
      </c>
      <c r="S481" s="49" t="s">
        <v>1825</v>
      </c>
    </row>
    <row r="482" spans="1:19" s="54" customFormat="1" ht="46.5" customHeight="1" x14ac:dyDescent="0.15">
      <c r="A482" s="47" t="s">
        <v>1656</v>
      </c>
      <c r="B482" s="48" t="str">
        <f>IFERROR(VLOOKUP($A482,削除禁止!$A$1:$J$42,2,0),"")</f>
        <v>通所系</v>
      </c>
      <c r="C482" s="12">
        <v>1650100587</v>
      </c>
      <c r="D482" s="12" t="s">
        <v>651</v>
      </c>
      <c r="E482" s="12" t="s">
        <v>651</v>
      </c>
      <c r="F482" s="16" t="s">
        <v>982</v>
      </c>
      <c r="G482" s="10">
        <v>18</v>
      </c>
      <c r="H482" s="10" t="s">
        <v>834</v>
      </c>
      <c r="I482" s="55" t="s">
        <v>1397</v>
      </c>
      <c r="J482" s="12" t="s">
        <v>180</v>
      </c>
      <c r="K482" s="12" t="s">
        <v>896</v>
      </c>
      <c r="L482" s="19" t="s">
        <v>868</v>
      </c>
      <c r="M482" s="27">
        <v>43191</v>
      </c>
      <c r="N482" s="27">
        <v>47573</v>
      </c>
      <c r="O482" s="52"/>
      <c r="P482" s="52"/>
      <c r="Q482" s="52"/>
      <c r="R482" s="49" t="s">
        <v>1008</v>
      </c>
      <c r="S482" s="49" t="s">
        <v>1800</v>
      </c>
    </row>
    <row r="483" spans="1:19" s="54" customFormat="1" ht="46.5" customHeight="1" x14ac:dyDescent="0.15">
      <c r="A483" s="47" t="s">
        <v>1656</v>
      </c>
      <c r="B483" s="48" t="str">
        <f>IFERROR(VLOOKUP($A483,削除禁止!$A$1:$J$42,2,0),"")</f>
        <v>通所系</v>
      </c>
      <c r="C483" s="12">
        <v>1650100595</v>
      </c>
      <c r="D483" s="12" t="s">
        <v>651</v>
      </c>
      <c r="E483" s="12" t="s">
        <v>651</v>
      </c>
      <c r="F483" s="16" t="s">
        <v>426</v>
      </c>
      <c r="G483" s="10">
        <v>10</v>
      </c>
      <c r="H483" s="10" t="s">
        <v>352</v>
      </c>
      <c r="I483" s="16" t="s">
        <v>1396</v>
      </c>
      <c r="J483" s="12" t="s">
        <v>983</v>
      </c>
      <c r="K483" s="12" t="s">
        <v>494</v>
      </c>
      <c r="L483" s="19" t="s">
        <v>521</v>
      </c>
      <c r="M483" s="27">
        <v>43191</v>
      </c>
      <c r="N483" s="27">
        <v>47573</v>
      </c>
      <c r="O483" s="52"/>
      <c r="P483" s="52"/>
      <c r="Q483" s="52"/>
      <c r="R483" s="49" t="s">
        <v>1764</v>
      </c>
      <c r="S483" s="49" t="s">
        <v>1829</v>
      </c>
    </row>
    <row r="484" spans="1:19" s="54" customFormat="1" ht="46.5" customHeight="1" x14ac:dyDescent="0.15">
      <c r="A484" s="47" t="s">
        <v>1656</v>
      </c>
      <c r="B484" s="48" t="str">
        <f>IFERROR(VLOOKUP($A484,削除禁止!$A$1:$J$42,2,0),"")</f>
        <v>通所系</v>
      </c>
      <c r="C484" s="12">
        <v>1650100645</v>
      </c>
      <c r="D484" s="12" t="s">
        <v>651</v>
      </c>
      <c r="E484" s="12"/>
      <c r="F484" s="16" t="s">
        <v>43</v>
      </c>
      <c r="G484" s="10">
        <v>10</v>
      </c>
      <c r="H484" s="10" t="s">
        <v>990</v>
      </c>
      <c r="I484" s="16" t="s">
        <v>800</v>
      </c>
      <c r="J484" s="12" t="s">
        <v>1086</v>
      </c>
      <c r="K484" s="12" t="s">
        <v>546</v>
      </c>
      <c r="L484" s="19" t="s">
        <v>1614</v>
      </c>
      <c r="M484" s="27">
        <v>43556</v>
      </c>
      <c r="N484" s="27">
        <v>45747</v>
      </c>
      <c r="O484" s="52"/>
      <c r="P484" s="52"/>
      <c r="Q484" s="52"/>
      <c r="R484" s="49" t="s">
        <v>1764</v>
      </c>
      <c r="S484" s="49" t="s">
        <v>1742</v>
      </c>
    </row>
    <row r="485" spans="1:19" s="54" customFormat="1" ht="46.5" customHeight="1" x14ac:dyDescent="0.15">
      <c r="A485" s="47" t="s">
        <v>1656</v>
      </c>
      <c r="B485" s="48" t="str">
        <f>IFERROR(VLOOKUP($A485,削除禁止!$A$1:$J$42,2,0),"")</f>
        <v>通所系</v>
      </c>
      <c r="C485" s="12">
        <v>1650160029</v>
      </c>
      <c r="D485" s="12" t="s">
        <v>651</v>
      </c>
      <c r="E485" s="12"/>
      <c r="F485" s="16" t="s">
        <v>1267</v>
      </c>
      <c r="G485" s="10">
        <v>10</v>
      </c>
      <c r="H485" s="10" t="s">
        <v>828</v>
      </c>
      <c r="I485" s="16" t="s">
        <v>1283</v>
      </c>
      <c r="J485" s="12" t="s">
        <v>1444</v>
      </c>
      <c r="K485" s="12" t="s">
        <v>116</v>
      </c>
      <c r="L485" s="19" t="s">
        <v>1143</v>
      </c>
      <c r="M485" s="63">
        <v>43739</v>
      </c>
      <c r="N485" s="27">
        <v>45930</v>
      </c>
      <c r="O485" s="52"/>
      <c r="P485" s="52"/>
      <c r="Q485" s="52"/>
      <c r="R485" s="49" t="s">
        <v>1764</v>
      </c>
      <c r="S485" s="49" t="s">
        <v>1781</v>
      </c>
    </row>
    <row r="486" spans="1:19" s="54" customFormat="1" ht="46.5" customHeight="1" x14ac:dyDescent="0.15">
      <c r="A486" s="47" t="s">
        <v>1515</v>
      </c>
      <c r="B486" s="48" t="str">
        <f>IFERROR(VLOOKUP($A486,削除禁止!$A$1:$J$42,2,0),"")</f>
        <v>通所系</v>
      </c>
      <c r="C486" s="12">
        <v>1650160037</v>
      </c>
      <c r="D486" s="12" t="s">
        <v>651</v>
      </c>
      <c r="E486" s="12"/>
      <c r="F486" s="16" t="s">
        <v>1270</v>
      </c>
      <c r="G486" s="10">
        <v>10</v>
      </c>
      <c r="H486" s="10" t="s">
        <v>784</v>
      </c>
      <c r="I486" s="16" t="s">
        <v>161</v>
      </c>
      <c r="J486" s="12" t="s">
        <v>444</v>
      </c>
      <c r="K486" s="12" t="s">
        <v>991</v>
      </c>
      <c r="L486" s="19" t="s">
        <v>247</v>
      </c>
      <c r="M486" s="63">
        <v>43831</v>
      </c>
      <c r="N486" s="27">
        <v>46022</v>
      </c>
      <c r="O486" s="52"/>
      <c r="P486" s="52"/>
      <c r="Q486" s="52"/>
      <c r="R486" s="49" t="s">
        <v>1808</v>
      </c>
      <c r="S486" s="49" t="s">
        <v>1594</v>
      </c>
    </row>
    <row r="487" spans="1:19" s="54" customFormat="1" ht="46.5" customHeight="1" x14ac:dyDescent="0.15">
      <c r="A487" s="47" t="s">
        <v>1656</v>
      </c>
      <c r="B487" s="48" t="str">
        <f>IFERROR(VLOOKUP($A487,削除禁止!$A$1:$J$42,2,0),"")</f>
        <v>通所系</v>
      </c>
      <c r="C487" s="12">
        <v>1650160052</v>
      </c>
      <c r="D487" s="12" t="s">
        <v>651</v>
      </c>
      <c r="E487" s="12"/>
      <c r="F487" s="16" t="s">
        <v>205</v>
      </c>
      <c r="G487" s="10">
        <v>10</v>
      </c>
      <c r="H487" s="10" t="s">
        <v>566</v>
      </c>
      <c r="I487" s="16" t="s">
        <v>941</v>
      </c>
      <c r="J487" s="12" t="s">
        <v>992</v>
      </c>
      <c r="K487" s="12" t="s">
        <v>993</v>
      </c>
      <c r="L487" s="19" t="s">
        <v>1614</v>
      </c>
      <c r="M487" s="63">
        <v>43922</v>
      </c>
      <c r="N487" s="27">
        <v>46112</v>
      </c>
      <c r="O487" s="52"/>
      <c r="P487" s="52"/>
      <c r="Q487" s="52"/>
      <c r="R487" s="49" t="s">
        <v>1764</v>
      </c>
      <c r="S487" s="49" t="s">
        <v>1624</v>
      </c>
    </row>
    <row r="488" spans="1:19" s="54" customFormat="1" ht="46.5" customHeight="1" x14ac:dyDescent="0.15">
      <c r="A488" s="47" t="s">
        <v>1656</v>
      </c>
      <c r="B488" s="48" t="str">
        <f>IFERROR(VLOOKUP($A488,削除禁止!$A$1:$J$42,2,0),"")</f>
        <v>通所系</v>
      </c>
      <c r="C488" s="12">
        <v>1650160060</v>
      </c>
      <c r="D488" s="12" t="s">
        <v>651</v>
      </c>
      <c r="E488" s="12" t="s">
        <v>651</v>
      </c>
      <c r="F488" s="16" t="s">
        <v>994</v>
      </c>
      <c r="G488" s="10">
        <v>10</v>
      </c>
      <c r="H488" s="10" t="s">
        <v>673</v>
      </c>
      <c r="I488" s="16" t="s">
        <v>1679</v>
      </c>
      <c r="J488" s="12" t="s">
        <v>997</v>
      </c>
      <c r="K488" s="12" t="s">
        <v>997</v>
      </c>
      <c r="L488" s="19" t="s">
        <v>229</v>
      </c>
      <c r="M488" s="63">
        <v>43922</v>
      </c>
      <c r="N488" s="27">
        <v>46112</v>
      </c>
      <c r="O488" s="52"/>
      <c r="P488" s="52"/>
      <c r="Q488" s="52"/>
      <c r="R488" s="49" t="s">
        <v>1764</v>
      </c>
      <c r="S488" s="49" t="s">
        <v>1519</v>
      </c>
    </row>
    <row r="489" spans="1:19" s="54" customFormat="1" ht="46.5" customHeight="1" x14ac:dyDescent="0.15">
      <c r="A489" s="47" t="s">
        <v>1656</v>
      </c>
      <c r="B489" s="48" t="str">
        <f>IFERROR(VLOOKUP($A489,削除禁止!$A$1:$J$42,2,0),"")</f>
        <v>通所系</v>
      </c>
      <c r="C489" s="12">
        <v>1650160086</v>
      </c>
      <c r="D489" s="12" t="s">
        <v>651</v>
      </c>
      <c r="E489" s="12"/>
      <c r="F489" s="16" t="s">
        <v>967</v>
      </c>
      <c r="G489" s="10">
        <v>10</v>
      </c>
      <c r="H489" s="10" t="s">
        <v>1057</v>
      </c>
      <c r="I489" s="16" t="s">
        <v>761</v>
      </c>
      <c r="J489" s="12" t="s">
        <v>836</v>
      </c>
      <c r="K489" s="12" t="s">
        <v>144</v>
      </c>
      <c r="L489" s="19" t="s">
        <v>683</v>
      </c>
      <c r="M489" s="63">
        <v>44105</v>
      </c>
      <c r="N489" s="27">
        <v>46295</v>
      </c>
      <c r="O489" s="52"/>
      <c r="P489" s="52"/>
      <c r="Q489" s="52"/>
      <c r="R489" s="49" t="s">
        <v>1764</v>
      </c>
      <c r="S489" s="49" t="s">
        <v>1571</v>
      </c>
    </row>
    <row r="490" spans="1:19" s="54" customFormat="1" ht="46.5" customHeight="1" x14ac:dyDescent="0.15">
      <c r="A490" s="47" t="s">
        <v>1656</v>
      </c>
      <c r="B490" s="48" t="str">
        <f>IFERROR(VLOOKUP($A490,削除禁止!$A$1:$J$42,2,0),"")</f>
        <v>通所系</v>
      </c>
      <c r="C490" s="12">
        <v>1650160110</v>
      </c>
      <c r="D490" s="12" t="s">
        <v>651</v>
      </c>
      <c r="E490" s="12"/>
      <c r="F490" s="16" t="s">
        <v>605</v>
      </c>
      <c r="G490" s="10">
        <v>10</v>
      </c>
      <c r="H490" s="10" t="s">
        <v>757</v>
      </c>
      <c r="I490" s="16" t="s">
        <v>363</v>
      </c>
      <c r="J490" s="12" t="s">
        <v>1463</v>
      </c>
      <c r="K490" s="12" t="s">
        <v>1089</v>
      </c>
      <c r="L490" s="19" t="s">
        <v>954</v>
      </c>
      <c r="M490" s="63">
        <v>44287</v>
      </c>
      <c r="N490" s="27">
        <v>46477</v>
      </c>
      <c r="O490" s="52"/>
      <c r="P490" s="52"/>
      <c r="Q490" s="52"/>
      <c r="R490" s="49" t="s">
        <v>1764</v>
      </c>
      <c r="S490" s="49" t="s">
        <v>1821</v>
      </c>
    </row>
    <row r="491" spans="1:19" s="54" customFormat="1" ht="46.5" customHeight="1" x14ac:dyDescent="0.15">
      <c r="A491" s="47" t="s">
        <v>1656</v>
      </c>
      <c r="B491" s="48" t="str">
        <f>IFERROR(VLOOKUP($A491,削除禁止!$A$1:$J$42,2,0),"")</f>
        <v>通所系</v>
      </c>
      <c r="C491" s="12">
        <v>1650160185</v>
      </c>
      <c r="D491" s="12" t="s">
        <v>651</v>
      </c>
      <c r="E491" s="12"/>
      <c r="F491" s="16" t="s">
        <v>1741</v>
      </c>
      <c r="G491" s="10">
        <v>10</v>
      </c>
      <c r="H491" s="10" t="s">
        <v>792</v>
      </c>
      <c r="I491" s="16" t="s">
        <v>1696</v>
      </c>
      <c r="J491" s="12" t="s">
        <v>1547</v>
      </c>
      <c r="K491" s="12" t="s">
        <v>1547</v>
      </c>
      <c r="L491" s="19" t="s">
        <v>1405</v>
      </c>
      <c r="M491" s="63">
        <v>44713</v>
      </c>
      <c r="N491" s="27">
        <v>46904</v>
      </c>
      <c r="O491" s="52"/>
      <c r="P491" s="52"/>
      <c r="Q491" s="52"/>
      <c r="R491" s="49" t="s">
        <v>1764</v>
      </c>
      <c r="S491" s="49" t="s">
        <v>1816</v>
      </c>
    </row>
    <row r="492" spans="1:19" s="54" customFormat="1" ht="46.5" customHeight="1" x14ac:dyDescent="0.15">
      <c r="A492" s="47" t="s">
        <v>1656</v>
      </c>
      <c r="B492" s="48" t="str">
        <f>IFERROR(VLOOKUP($A492,削除禁止!$A$1:$J$42,2,0),"")</f>
        <v>通所系</v>
      </c>
      <c r="C492" s="12">
        <v>1650160219</v>
      </c>
      <c r="D492" s="12" t="s">
        <v>651</v>
      </c>
      <c r="E492" s="12"/>
      <c r="F492" s="16" t="s">
        <v>1743</v>
      </c>
      <c r="G492" s="10">
        <v>10</v>
      </c>
      <c r="H492" s="10" t="s">
        <v>1382</v>
      </c>
      <c r="I492" s="16" t="s">
        <v>1639</v>
      </c>
      <c r="J492" s="12" t="s">
        <v>1566</v>
      </c>
      <c r="K492" s="12" t="s">
        <v>1566</v>
      </c>
      <c r="L492" s="19" t="s">
        <v>1339</v>
      </c>
      <c r="M492" s="63">
        <v>44805</v>
      </c>
      <c r="N492" s="27">
        <v>46996</v>
      </c>
      <c r="O492" s="52"/>
      <c r="P492" s="52"/>
      <c r="Q492" s="52"/>
      <c r="R492" s="49" t="s">
        <v>1764</v>
      </c>
      <c r="S492" s="49" t="s">
        <v>562</v>
      </c>
    </row>
    <row r="493" spans="1:19" s="54" customFormat="1" ht="46.5" customHeight="1" x14ac:dyDescent="0.15">
      <c r="A493" s="47" t="s">
        <v>1656</v>
      </c>
      <c r="B493" s="48" t="str">
        <f>IFERROR(VLOOKUP($A493,削除禁止!$A$1:$J$42,2,0),"")</f>
        <v>通所系</v>
      </c>
      <c r="C493" s="12">
        <v>1650160268</v>
      </c>
      <c r="D493" s="12" t="s">
        <v>651</v>
      </c>
      <c r="E493" s="12"/>
      <c r="F493" s="16" t="s">
        <v>750</v>
      </c>
      <c r="G493" s="10">
        <v>10</v>
      </c>
      <c r="H493" s="10" t="s">
        <v>155</v>
      </c>
      <c r="I493" s="16" t="s">
        <v>1789</v>
      </c>
      <c r="J493" s="12" t="s">
        <v>1798</v>
      </c>
      <c r="K493" s="12" t="s">
        <v>1845</v>
      </c>
      <c r="L493" s="19" t="s">
        <v>1487</v>
      </c>
      <c r="M493" s="63">
        <v>45017</v>
      </c>
      <c r="N493" s="27">
        <v>47208</v>
      </c>
      <c r="O493" s="52"/>
      <c r="P493" s="52"/>
      <c r="Q493" s="52"/>
      <c r="R493" s="49" t="s">
        <v>1764</v>
      </c>
      <c r="S493" s="49" t="s">
        <v>1819</v>
      </c>
    </row>
    <row r="494" spans="1:19" s="54" customFormat="1" ht="46.5" customHeight="1" x14ac:dyDescent="0.15">
      <c r="A494" s="47" t="s">
        <v>1515</v>
      </c>
      <c r="B494" s="48" t="str">
        <f>IFERROR(VLOOKUP($A494,削除禁止!$A$1:$J$42,2,0),"")</f>
        <v>通所系</v>
      </c>
      <c r="C494" s="39">
        <v>1650160292</v>
      </c>
      <c r="D494" s="12" t="s">
        <v>651</v>
      </c>
      <c r="E494" s="40"/>
      <c r="F494" s="41" t="s">
        <v>1916</v>
      </c>
      <c r="G494" s="10">
        <v>10</v>
      </c>
      <c r="H494" s="10" t="s">
        <v>757</v>
      </c>
      <c r="I494" s="16" t="s">
        <v>363</v>
      </c>
      <c r="J494" s="12" t="s">
        <v>1463</v>
      </c>
      <c r="K494" s="12" t="s">
        <v>1089</v>
      </c>
      <c r="L494" s="19" t="s">
        <v>954</v>
      </c>
      <c r="M494" s="64">
        <v>45383</v>
      </c>
      <c r="N494" s="43">
        <v>47573</v>
      </c>
      <c r="O494" s="59"/>
      <c r="P494" s="59"/>
      <c r="Q494" s="59"/>
      <c r="R494" s="60" t="s">
        <v>1764</v>
      </c>
      <c r="S494" s="61" t="s">
        <v>1821</v>
      </c>
    </row>
    <row r="495" spans="1:19" s="54" customFormat="1" ht="46.5" customHeight="1" x14ac:dyDescent="0.15">
      <c r="A495" s="47" t="s">
        <v>1657</v>
      </c>
      <c r="B495" s="48" t="str">
        <f>IFERROR(VLOOKUP($A495,削除禁止!$A$1:$J$42,2,0),"")</f>
        <v>通所系</v>
      </c>
      <c r="C495" s="12">
        <v>1650160094</v>
      </c>
      <c r="D495" s="12"/>
      <c r="E495" s="12"/>
      <c r="F495" s="16" t="s">
        <v>1131</v>
      </c>
      <c r="G495" s="10">
        <v>10</v>
      </c>
      <c r="H495" s="10" t="s">
        <v>1065</v>
      </c>
      <c r="I495" s="16" t="s">
        <v>638</v>
      </c>
      <c r="J495" s="12" t="s">
        <v>1068</v>
      </c>
      <c r="K495" s="12" t="s">
        <v>1072</v>
      </c>
      <c r="L495" s="19" t="s">
        <v>1413</v>
      </c>
      <c r="M495" s="63">
        <v>44136</v>
      </c>
      <c r="N495" s="27">
        <v>46326</v>
      </c>
      <c r="O495" s="52"/>
      <c r="P495" s="52"/>
      <c r="Q495" s="52"/>
      <c r="R495" s="49" t="s">
        <v>1764</v>
      </c>
      <c r="S495" s="49" t="s">
        <v>1775</v>
      </c>
    </row>
    <row r="496" spans="1:19" s="54" customFormat="1" ht="46.5" customHeight="1" x14ac:dyDescent="0.15">
      <c r="A496" s="47" t="s">
        <v>1657</v>
      </c>
      <c r="B496" s="48" t="str">
        <f>IFERROR(VLOOKUP($A496,削除禁止!$A$1:$J$42,2,0),"")</f>
        <v>通所系</v>
      </c>
      <c r="C496" s="13">
        <v>1650100132</v>
      </c>
      <c r="D496" s="12"/>
      <c r="E496" s="12"/>
      <c r="F496" s="16" t="s">
        <v>62</v>
      </c>
      <c r="G496" s="10">
        <v>5</v>
      </c>
      <c r="H496" s="10" t="s">
        <v>24</v>
      </c>
      <c r="I496" s="16" t="s">
        <v>1674</v>
      </c>
      <c r="J496" s="12" t="s">
        <v>178</v>
      </c>
      <c r="K496" s="12" t="s">
        <v>182</v>
      </c>
      <c r="L496" s="19" t="s">
        <v>1146</v>
      </c>
      <c r="M496" s="27">
        <v>41365</v>
      </c>
      <c r="N496" s="27">
        <v>45747</v>
      </c>
      <c r="O496" s="52"/>
      <c r="P496" s="52"/>
      <c r="Q496" s="52"/>
      <c r="R496" s="49" t="s">
        <v>1764</v>
      </c>
      <c r="S496" s="49" t="s">
        <v>1826</v>
      </c>
    </row>
    <row r="497" spans="1:19" s="54" customFormat="1" ht="46.5" customHeight="1" x14ac:dyDescent="0.15">
      <c r="A497" s="47" t="s">
        <v>1657</v>
      </c>
      <c r="B497" s="48" t="str">
        <f>IFERROR(VLOOKUP($A497,削除禁止!$A$1:$J$42,2,0),"")</f>
        <v>通所系</v>
      </c>
      <c r="C497" s="12">
        <v>1650100256</v>
      </c>
      <c r="D497" s="12"/>
      <c r="E497" s="12"/>
      <c r="F497" s="16" t="s">
        <v>19</v>
      </c>
      <c r="G497" s="10">
        <v>10</v>
      </c>
      <c r="H497" s="10" t="s">
        <v>333</v>
      </c>
      <c r="I497" s="16" t="s">
        <v>1389</v>
      </c>
      <c r="J497" s="12" t="s">
        <v>753</v>
      </c>
      <c r="K497" s="12" t="s">
        <v>493</v>
      </c>
      <c r="L497" s="19" t="s">
        <v>1146</v>
      </c>
      <c r="M497" s="27">
        <v>42095</v>
      </c>
      <c r="N497" s="27">
        <v>46477</v>
      </c>
      <c r="O497" s="52"/>
      <c r="P497" s="52"/>
      <c r="Q497" s="52"/>
      <c r="R497" s="49" t="s">
        <v>1764</v>
      </c>
      <c r="S497" s="49" t="s">
        <v>604</v>
      </c>
    </row>
    <row r="498" spans="1:19" s="54" customFormat="1" ht="46.5" customHeight="1" x14ac:dyDescent="0.15">
      <c r="A498" s="47" t="s">
        <v>1657</v>
      </c>
      <c r="B498" s="48" t="str">
        <f>IFERROR(VLOOKUP($A498,削除禁止!$A$1:$J$42,2,0),"")</f>
        <v>通所系</v>
      </c>
      <c r="C498" s="12">
        <v>1650100181</v>
      </c>
      <c r="D498" s="12" t="s">
        <v>651</v>
      </c>
      <c r="E498" s="12"/>
      <c r="F498" s="16" t="s">
        <v>1031</v>
      </c>
      <c r="G498" s="10">
        <v>5</v>
      </c>
      <c r="H498" s="10" t="s">
        <v>429</v>
      </c>
      <c r="I498" s="16" t="s">
        <v>1266</v>
      </c>
      <c r="J498" s="12" t="s">
        <v>726</v>
      </c>
      <c r="K498" s="12" t="s">
        <v>728</v>
      </c>
      <c r="L498" s="19" t="s">
        <v>1146</v>
      </c>
      <c r="M498" s="27">
        <v>41791</v>
      </c>
      <c r="N498" s="27">
        <v>46173</v>
      </c>
      <c r="O498" s="52"/>
      <c r="P498" s="52"/>
      <c r="Q498" s="52"/>
      <c r="R498" s="49" t="s">
        <v>1008</v>
      </c>
      <c r="S498" s="49" t="s">
        <v>1834</v>
      </c>
    </row>
    <row r="499" spans="1:19" s="54" customFormat="1" ht="46.5" customHeight="1" x14ac:dyDescent="0.15">
      <c r="A499" s="47" t="s">
        <v>1657</v>
      </c>
      <c r="B499" s="48" t="str">
        <f>IFERROR(VLOOKUP($A499,削除禁止!$A$1:$J$42,2,0),"")</f>
        <v>通所系</v>
      </c>
      <c r="C499" s="12">
        <v>1650100165</v>
      </c>
      <c r="D499" s="12" t="s">
        <v>651</v>
      </c>
      <c r="E499" s="12"/>
      <c r="F499" s="16" t="s">
        <v>714</v>
      </c>
      <c r="G499" s="10">
        <v>10</v>
      </c>
      <c r="H499" s="10" t="s">
        <v>360</v>
      </c>
      <c r="I499" s="16" t="s">
        <v>1340</v>
      </c>
      <c r="J499" s="12" t="s">
        <v>711</v>
      </c>
      <c r="K499" s="12" t="s">
        <v>49</v>
      </c>
      <c r="L499" s="19" t="s">
        <v>452</v>
      </c>
      <c r="M499" s="27">
        <v>41426</v>
      </c>
      <c r="N499" s="27">
        <v>45808</v>
      </c>
      <c r="O499" s="52"/>
      <c r="P499" s="52"/>
      <c r="Q499" s="52"/>
      <c r="R499" s="49" t="s">
        <v>1008</v>
      </c>
      <c r="S499" s="49" t="s">
        <v>1836</v>
      </c>
    </row>
    <row r="500" spans="1:19" s="54" customFormat="1" ht="46.5" customHeight="1" x14ac:dyDescent="0.15">
      <c r="A500" s="47" t="s">
        <v>1657</v>
      </c>
      <c r="B500" s="48" t="str">
        <f>IFERROR(VLOOKUP($A500,削除禁止!$A$1:$J$42,2,0),"")</f>
        <v>通所系</v>
      </c>
      <c r="C500" s="12">
        <v>1650100223</v>
      </c>
      <c r="D500" s="12"/>
      <c r="E500" s="12"/>
      <c r="F500" s="16" t="s">
        <v>1260</v>
      </c>
      <c r="G500" s="10">
        <v>10</v>
      </c>
      <c r="H500" s="10" t="s">
        <v>569</v>
      </c>
      <c r="I500" s="16" t="s">
        <v>1217</v>
      </c>
      <c r="J500" s="12" t="s">
        <v>925</v>
      </c>
      <c r="K500" s="12" t="s">
        <v>596</v>
      </c>
      <c r="L500" s="19" t="s">
        <v>1111</v>
      </c>
      <c r="M500" s="27">
        <v>42005</v>
      </c>
      <c r="N500" s="27">
        <v>46387</v>
      </c>
      <c r="O500" s="52"/>
      <c r="P500" s="52"/>
      <c r="Q500" s="52"/>
      <c r="R500" s="49" t="s">
        <v>1764</v>
      </c>
      <c r="S500" s="49" t="s">
        <v>1368</v>
      </c>
    </row>
    <row r="501" spans="1:19" s="54" customFormat="1" ht="46.5" customHeight="1" x14ac:dyDescent="0.15">
      <c r="A501" s="47" t="s">
        <v>1657</v>
      </c>
      <c r="B501" s="48" t="str">
        <f>IFERROR(VLOOKUP($A501,削除禁止!$A$1:$J$42,2,0),"")</f>
        <v>通所系</v>
      </c>
      <c r="C501" s="11">
        <v>1650100272</v>
      </c>
      <c r="D501" s="12" t="s">
        <v>651</v>
      </c>
      <c r="E501" s="12"/>
      <c r="F501" s="18" t="s">
        <v>443</v>
      </c>
      <c r="G501" s="10">
        <v>6</v>
      </c>
      <c r="H501" s="10" t="s">
        <v>774</v>
      </c>
      <c r="I501" s="16" t="s">
        <v>1145</v>
      </c>
      <c r="J501" s="12" t="s">
        <v>1328</v>
      </c>
      <c r="K501" s="10" t="s">
        <v>776</v>
      </c>
      <c r="L501" s="19" t="s">
        <v>833</v>
      </c>
      <c r="M501" s="27">
        <v>42309</v>
      </c>
      <c r="N501" s="27">
        <v>46691</v>
      </c>
      <c r="O501" s="52"/>
      <c r="P501" s="52"/>
      <c r="Q501" s="52"/>
      <c r="R501" s="49" t="s">
        <v>1764</v>
      </c>
      <c r="S501" s="49" t="s">
        <v>1828</v>
      </c>
    </row>
    <row r="502" spans="1:19" s="54" customFormat="1" ht="46.5" customHeight="1" x14ac:dyDescent="0.15">
      <c r="A502" s="47" t="s">
        <v>1657</v>
      </c>
      <c r="B502" s="48" t="str">
        <f>IFERROR(VLOOKUP($A502,削除禁止!$A$1:$J$42,2,0),"")</f>
        <v>通所系</v>
      </c>
      <c r="C502" s="11">
        <v>1650100280</v>
      </c>
      <c r="D502" s="12"/>
      <c r="E502" s="12"/>
      <c r="F502" s="18" t="s">
        <v>708</v>
      </c>
      <c r="G502" s="10">
        <v>10</v>
      </c>
      <c r="H502" s="10" t="s">
        <v>743</v>
      </c>
      <c r="I502" s="16" t="s">
        <v>1391</v>
      </c>
      <c r="J502" s="12" t="s">
        <v>927</v>
      </c>
      <c r="K502" s="12" t="s">
        <v>446</v>
      </c>
      <c r="L502" s="19" t="s">
        <v>988</v>
      </c>
      <c r="M502" s="27">
        <v>42348</v>
      </c>
      <c r="N502" s="27">
        <v>46730</v>
      </c>
      <c r="O502" s="52"/>
      <c r="P502" s="52"/>
      <c r="Q502" s="52"/>
      <c r="R502" s="49" t="s">
        <v>1764</v>
      </c>
      <c r="S502" s="49" t="s">
        <v>1775</v>
      </c>
    </row>
    <row r="503" spans="1:19" s="54" customFormat="1" ht="46.5" customHeight="1" x14ac:dyDescent="0.15">
      <c r="A503" s="47" t="s">
        <v>1657</v>
      </c>
      <c r="B503" s="48" t="str">
        <f>IFERROR(VLOOKUP($A503,削除禁止!$A$1:$J$42,2,0),"")</f>
        <v>通所系</v>
      </c>
      <c r="C503" s="11">
        <v>1650100298</v>
      </c>
      <c r="D503" s="12" t="s">
        <v>651</v>
      </c>
      <c r="E503" s="12"/>
      <c r="F503" s="16" t="s">
        <v>1744</v>
      </c>
      <c r="G503" s="10">
        <v>5</v>
      </c>
      <c r="H503" s="10" t="s">
        <v>93</v>
      </c>
      <c r="I503" s="16" t="s">
        <v>1329</v>
      </c>
      <c r="J503" s="12" t="s">
        <v>609</v>
      </c>
      <c r="K503" s="10" t="s">
        <v>851</v>
      </c>
      <c r="L503" s="19" t="s">
        <v>389</v>
      </c>
      <c r="M503" s="27">
        <v>42370</v>
      </c>
      <c r="N503" s="27">
        <v>46752</v>
      </c>
      <c r="O503" s="52"/>
      <c r="P503" s="52"/>
      <c r="Q503" s="52"/>
      <c r="R503" s="49" t="s">
        <v>1764</v>
      </c>
      <c r="S503" s="49" t="s">
        <v>192</v>
      </c>
    </row>
    <row r="504" spans="1:19" s="54" customFormat="1" ht="46.5" customHeight="1" x14ac:dyDescent="0.15">
      <c r="A504" s="47" t="s">
        <v>1657</v>
      </c>
      <c r="B504" s="48" t="str">
        <f>IFERROR(VLOOKUP($A504,削除禁止!$A$1:$J$42,2,0),"")</f>
        <v>通所系</v>
      </c>
      <c r="C504" s="12">
        <v>1650100348</v>
      </c>
      <c r="D504" s="12"/>
      <c r="E504" s="12"/>
      <c r="F504" s="16" t="s">
        <v>1263</v>
      </c>
      <c r="G504" s="10">
        <v>10</v>
      </c>
      <c r="H504" s="10" t="s">
        <v>935</v>
      </c>
      <c r="I504" s="55" t="s">
        <v>1399</v>
      </c>
      <c r="J504" s="12" t="s">
        <v>112</v>
      </c>
      <c r="K504" s="12" t="s">
        <v>936</v>
      </c>
      <c r="L504" s="19" t="s">
        <v>262</v>
      </c>
      <c r="M504" s="27">
        <v>42614</v>
      </c>
      <c r="N504" s="27">
        <v>46996</v>
      </c>
      <c r="O504" s="52"/>
      <c r="P504" s="52"/>
      <c r="Q504" s="52"/>
      <c r="R504" s="49" t="s">
        <v>1764</v>
      </c>
      <c r="S504" s="49" t="s">
        <v>1825</v>
      </c>
    </row>
    <row r="505" spans="1:19" s="54" customFormat="1" ht="46.5" customHeight="1" x14ac:dyDescent="0.15">
      <c r="A505" s="47" t="s">
        <v>1657</v>
      </c>
      <c r="B505" s="48" t="str">
        <f>IFERROR(VLOOKUP($A505,削除禁止!$A$1:$J$42,2,0),"")</f>
        <v>通所系</v>
      </c>
      <c r="C505" s="12">
        <v>1650100371</v>
      </c>
      <c r="D505" s="12"/>
      <c r="E505" s="12"/>
      <c r="F505" s="16" t="s">
        <v>1670</v>
      </c>
      <c r="G505" s="10">
        <v>10</v>
      </c>
      <c r="H505" s="10" t="s">
        <v>780</v>
      </c>
      <c r="I505" s="16" t="s">
        <v>190</v>
      </c>
      <c r="J505" s="12" t="s">
        <v>811</v>
      </c>
      <c r="K505" s="12" t="s">
        <v>950</v>
      </c>
      <c r="L505" s="19" t="s">
        <v>1614</v>
      </c>
      <c r="M505" s="27">
        <v>42979</v>
      </c>
      <c r="N505" s="27">
        <v>47361</v>
      </c>
      <c r="O505" s="52"/>
      <c r="P505" s="52"/>
      <c r="Q505" s="52"/>
      <c r="R505" s="49" t="s">
        <v>1764</v>
      </c>
      <c r="S505" s="49" t="s">
        <v>1624</v>
      </c>
    </row>
    <row r="506" spans="1:19" s="54" customFormat="1" ht="46.5" customHeight="1" x14ac:dyDescent="0.15">
      <c r="A506" s="47" t="s">
        <v>1657</v>
      </c>
      <c r="B506" s="48" t="str">
        <f>IFERROR(VLOOKUP($A506,削除禁止!$A$1:$J$42,2,0),"")</f>
        <v>通所系</v>
      </c>
      <c r="C506" s="12">
        <v>1650100439</v>
      </c>
      <c r="D506" s="12"/>
      <c r="E506" s="12"/>
      <c r="F506" s="16" t="s">
        <v>1139</v>
      </c>
      <c r="G506" s="10">
        <v>10</v>
      </c>
      <c r="H506" s="10" t="s">
        <v>585</v>
      </c>
      <c r="I506" s="16" t="s">
        <v>1313</v>
      </c>
      <c r="J506" s="12" t="s">
        <v>1061</v>
      </c>
      <c r="K506" s="12" t="s">
        <v>1063</v>
      </c>
      <c r="L506" s="18" t="s">
        <v>1597</v>
      </c>
      <c r="M506" s="27">
        <v>43191</v>
      </c>
      <c r="N506" s="43">
        <v>47573</v>
      </c>
      <c r="O506" s="52"/>
      <c r="P506" s="52"/>
      <c r="Q506" s="52"/>
      <c r="R506" s="49" t="s">
        <v>1764</v>
      </c>
      <c r="S506" s="49" t="s">
        <v>1794</v>
      </c>
    </row>
    <row r="507" spans="1:19" s="54" customFormat="1" ht="46.5" customHeight="1" x14ac:dyDescent="0.15">
      <c r="A507" s="47" t="s">
        <v>1657</v>
      </c>
      <c r="B507" s="48" t="str">
        <f>IFERROR(VLOOKUP($A507,削除禁止!$A$1:$J$42,2,0),"")</f>
        <v>通所系</v>
      </c>
      <c r="C507" s="12">
        <v>1650100413</v>
      </c>
      <c r="D507" s="12"/>
      <c r="E507" s="12"/>
      <c r="F507" s="16" t="s">
        <v>891</v>
      </c>
      <c r="G507" s="10">
        <v>10</v>
      </c>
      <c r="H507" s="10" t="s">
        <v>716</v>
      </c>
      <c r="I507" s="16" t="s">
        <v>1376</v>
      </c>
      <c r="J507" s="12" t="s">
        <v>1946</v>
      </c>
      <c r="K507" s="12" t="s">
        <v>233</v>
      </c>
      <c r="L507" s="19" t="s">
        <v>1123</v>
      </c>
      <c r="M507" s="27">
        <v>43191</v>
      </c>
      <c r="N507" s="43">
        <v>47573</v>
      </c>
      <c r="O507" s="52"/>
      <c r="P507" s="52"/>
      <c r="Q507" s="52"/>
      <c r="R507" s="49" t="s">
        <v>1808</v>
      </c>
      <c r="S507" s="49" t="s">
        <v>1767</v>
      </c>
    </row>
    <row r="508" spans="1:19" s="54" customFormat="1" ht="46.5" customHeight="1" x14ac:dyDescent="0.15">
      <c r="A508" s="47" t="s">
        <v>1657</v>
      </c>
      <c r="B508" s="48" t="str">
        <f>IFERROR(VLOOKUP($A508,削除禁止!$A$1:$J$42,2,0),"")</f>
        <v>通所系</v>
      </c>
      <c r="C508" s="12">
        <v>1650100603</v>
      </c>
      <c r="D508" s="12"/>
      <c r="E508" s="12"/>
      <c r="F508" s="16" t="s">
        <v>169</v>
      </c>
      <c r="G508" s="10">
        <v>10</v>
      </c>
      <c r="H508" s="10" t="s">
        <v>720</v>
      </c>
      <c r="I508" s="16" t="s">
        <v>908</v>
      </c>
      <c r="J508" s="12" t="s">
        <v>955</v>
      </c>
      <c r="K508" s="12" t="s">
        <v>955</v>
      </c>
      <c r="L508" s="19" t="s">
        <v>1411</v>
      </c>
      <c r="M508" s="27">
        <v>43221</v>
      </c>
      <c r="N508" s="27">
        <v>45412</v>
      </c>
      <c r="O508" s="52"/>
      <c r="P508" s="52"/>
      <c r="Q508" s="52"/>
      <c r="R508" s="49" t="s">
        <v>1764</v>
      </c>
      <c r="S508" s="49" t="s">
        <v>1814</v>
      </c>
    </row>
    <row r="509" spans="1:19" s="54" customFormat="1" ht="46.5" customHeight="1" x14ac:dyDescent="0.15">
      <c r="A509" s="47" t="s">
        <v>1657</v>
      </c>
      <c r="B509" s="48" t="str">
        <f>IFERROR(VLOOKUP($A509,削除禁止!$A$1:$J$42,2,0),"")</f>
        <v>通所系</v>
      </c>
      <c r="C509" s="12">
        <v>1650100454</v>
      </c>
      <c r="D509" s="12"/>
      <c r="E509" s="12" t="s">
        <v>651</v>
      </c>
      <c r="F509" s="16" t="s">
        <v>956</v>
      </c>
      <c r="G509" s="10">
        <v>11</v>
      </c>
      <c r="H509" s="10" t="s">
        <v>688</v>
      </c>
      <c r="I509" s="16" t="s">
        <v>1346</v>
      </c>
      <c r="J509" s="12" t="s">
        <v>809</v>
      </c>
      <c r="K509" s="12" t="s">
        <v>809</v>
      </c>
      <c r="L509" s="19" t="s">
        <v>960</v>
      </c>
      <c r="M509" s="27">
        <v>43191</v>
      </c>
      <c r="N509" s="27">
        <v>47573</v>
      </c>
      <c r="O509" s="52"/>
      <c r="P509" s="52"/>
      <c r="Q509" s="52"/>
      <c r="R509" s="49" t="s">
        <v>1764</v>
      </c>
      <c r="S509" s="49" t="s">
        <v>597</v>
      </c>
    </row>
    <row r="510" spans="1:19" s="54" customFormat="1" ht="46.5" customHeight="1" x14ac:dyDescent="0.15">
      <c r="A510" s="47" t="s">
        <v>1657</v>
      </c>
      <c r="B510" s="48" t="str">
        <f>IFERROR(VLOOKUP($A510,削除禁止!$A$1:$J$42,2,0),"")</f>
        <v>通所系</v>
      </c>
      <c r="C510" s="12">
        <v>1650100629</v>
      </c>
      <c r="D510" s="12"/>
      <c r="E510" s="12"/>
      <c r="F510" s="16" t="s">
        <v>986</v>
      </c>
      <c r="G510" s="10">
        <v>10</v>
      </c>
      <c r="H510" s="10" t="s">
        <v>231</v>
      </c>
      <c r="I510" s="16" t="s">
        <v>164</v>
      </c>
      <c r="J510" s="12" t="s">
        <v>197</v>
      </c>
      <c r="K510" s="12" t="s">
        <v>987</v>
      </c>
      <c r="L510" s="19" t="s">
        <v>1412</v>
      </c>
      <c r="M510" s="27">
        <v>43282</v>
      </c>
      <c r="N510" s="27">
        <v>47573</v>
      </c>
      <c r="O510" s="52"/>
      <c r="P510" s="52"/>
      <c r="Q510" s="52"/>
      <c r="R510" s="49" t="s">
        <v>1764</v>
      </c>
      <c r="S510" s="49" t="s">
        <v>1815</v>
      </c>
    </row>
    <row r="511" spans="1:19" s="54" customFormat="1" ht="46.5" customHeight="1" x14ac:dyDescent="0.15">
      <c r="A511" s="47" t="s">
        <v>1657</v>
      </c>
      <c r="B511" s="48" t="str">
        <f>IFERROR(VLOOKUP($A511,削除禁止!$A$1:$J$42,2,0),"")</f>
        <v>通所系</v>
      </c>
      <c r="C511" s="12">
        <v>1650160045</v>
      </c>
      <c r="D511" s="12"/>
      <c r="E511" s="12"/>
      <c r="F511" s="16" t="s">
        <v>1271</v>
      </c>
      <c r="G511" s="10">
        <v>10</v>
      </c>
      <c r="H511" s="10" t="s">
        <v>924</v>
      </c>
      <c r="I511" s="16" t="s">
        <v>1378</v>
      </c>
      <c r="J511" s="12" t="s">
        <v>52</v>
      </c>
      <c r="K511" s="12" t="s">
        <v>332</v>
      </c>
      <c r="L511" s="19" t="s">
        <v>1528</v>
      </c>
      <c r="M511" s="63">
        <v>43922</v>
      </c>
      <c r="N511" s="27">
        <v>46112</v>
      </c>
      <c r="O511" s="52"/>
      <c r="P511" s="52"/>
      <c r="Q511" s="52"/>
      <c r="R511" s="49" t="s">
        <v>1764</v>
      </c>
      <c r="S511" s="49" t="s">
        <v>192</v>
      </c>
    </row>
    <row r="512" spans="1:19" s="54" customFormat="1" ht="46.5" customHeight="1" x14ac:dyDescent="0.15">
      <c r="A512" s="47" t="s">
        <v>1657</v>
      </c>
      <c r="B512" s="48" t="str">
        <f>IFERROR(VLOOKUP($A512,削除禁止!$A$1:$J$42,2,0),"")</f>
        <v>通所系</v>
      </c>
      <c r="C512" s="12">
        <v>1650160102</v>
      </c>
      <c r="D512" s="12"/>
      <c r="E512" s="12"/>
      <c r="F512" s="16" t="s">
        <v>946</v>
      </c>
      <c r="G512" s="10">
        <v>10</v>
      </c>
      <c r="H512" s="10" t="s">
        <v>566</v>
      </c>
      <c r="I512" s="16" t="s">
        <v>1590</v>
      </c>
      <c r="J512" s="12" t="s">
        <v>1465</v>
      </c>
      <c r="K512" s="12" t="s">
        <v>152</v>
      </c>
      <c r="L512" s="19" t="s">
        <v>1614</v>
      </c>
      <c r="M512" s="63">
        <v>44287</v>
      </c>
      <c r="N512" s="27">
        <v>46477</v>
      </c>
      <c r="O512" s="52"/>
      <c r="P512" s="52"/>
      <c r="Q512" s="52"/>
      <c r="R512" s="49" t="s">
        <v>1764</v>
      </c>
      <c r="S512" s="49" t="s">
        <v>1624</v>
      </c>
    </row>
    <row r="513" spans="1:19" s="54" customFormat="1" ht="46.5" customHeight="1" x14ac:dyDescent="0.15">
      <c r="A513" s="47" t="s">
        <v>1657</v>
      </c>
      <c r="B513" s="48" t="str">
        <f>IFERROR(VLOOKUP($A513,削除禁止!$A$1:$J$42,2,0),"")</f>
        <v>通所系</v>
      </c>
      <c r="C513" s="12">
        <v>1650160128</v>
      </c>
      <c r="D513" s="12"/>
      <c r="E513" s="12"/>
      <c r="F513" s="16" t="s">
        <v>1091</v>
      </c>
      <c r="G513" s="10">
        <v>10</v>
      </c>
      <c r="H513" s="10" t="s">
        <v>1606</v>
      </c>
      <c r="I513" s="16" t="s">
        <v>913</v>
      </c>
      <c r="J513" s="12" t="s">
        <v>214</v>
      </c>
      <c r="K513" s="12" t="s">
        <v>1262</v>
      </c>
      <c r="L513" s="19" t="s">
        <v>1135</v>
      </c>
      <c r="M513" s="63">
        <v>44287</v>
      </c>
      <c r="N513" s="27">
        <v>46477</v>
      </c>
      <c r="O513" s="52"/>
      <c r="P513" s="52"/>
      <c r="Q513" s="52"/>
      <c r="R513" s="49" t="s">
        <v>1008</v>
      </c>
      <c r="S513" s="49" t="s">
        <v>1800</v>
      </c>
    </row>
    <row r="514" spans="1:19" s="54" customFormat="1" ht="46.5" customHeight="1" x14ac:dyDescent="0.15">
      <c r="A514" s="47" t="s">
        <v>1838</v>
      </c>
      <c r="B514" s="48" t="str">
        <f>IFERROR(VLOOKUP($A514,削除禁止!$A$1:$J$42,2,0),"")</f>
        <v>通所系</v>
      </c>
      <c r="C514" s="12">
        <v>1650160136</v>
      </c>
      <c r="D514" s="12" t="s">
        <v>651</v>
      </c>
      <c r="E514" s="12"/>
      <c r="F514" s="16" t="s">
        <v>1440</v>
      </c>
      <c r="G514" s="10">
        <v>10</v>
      </c>
      <c r="H514" s="10" t="s">
        <v>943</v>
      </c>
      <c r="I514" s="16" t="s">
        <v>1512</v>
      </c>
      <c r="J514" s="12" t="s">
        <v>687</v>
      </c>
      <c r="K514" s="12" t="s">
        <v>1464</v>
      </c>
      <c r="L514" s="19" t="s">
        <v>13</v>
      </c>
      <c r="M514" s="63">
        <v>44287</v>
      </c>
      <c r="N514" s="27">
        <v>46477</v>
      </c>
      <c r="O514" s="52"/>
      <c r="P514" s="52"/>
      <c r="Q514" s="52"/>
      <c r="R514" s="49" t="s">
        <v>1008</v>
      </c>
      <c r="S514" s="49" t="s">
        <v>1759</v>
      </c>
    </row>
    <row r="515" spans="1:19" s="54" customFormat="1" ht="46.5" customHeight="1" x14ac:dyDescent="0.15">
      <c r="A515" s="47" t="s">
        <v>1657</v>
      </c>
      <c r="B515" s="48" t="str">
        <f>IFERROR(VLOOKUP($A515,削除禁止!$A$1:$J$42,2,0),"")</f>
        <v>通所系</v>
      </c>
      <c r="C515" s="12">
        <v>1650160151</v>
      </c>
      <c r="D515" s="12"/>
      <c r="E515" s="12"/>
      <c r="F515" s="16" t="s">
        <v>387</v>
      </c>
      <c r="G515" s="10">
        <v>10</v>
      </c>
      <c r="H515" s="10" t="s">
        <v>1366</v>
      </c>
      <c r="I515" s="16" t="s">
        <v>1701</v>
      </c>
      <c r="J515" s="12" t="s">
        <v>1450</v>
      </c>
      <c r="K515" s="12" t="s">
        <v>1450</v>
      </c>
      <c r="L515" s="19" t="s">
        <v>1237</v>
      </c>
      <c r="M515" s="63">
        <v>44470</v>
      </c>
      <c r="N515" s="27">
        <v>46476</v>
      </c>
      <c r="O515" s="52"/>
      <c r="P515" s="52"/>
      <c r="Q515" s="52"/>
      <c r="R515" s="49" t="s">
        <v>1764</v>
      </c>
      <c r="S515" s="49" t="s">
        <v>1640</v>
      </c>
    </row>
    <row r="516" spans="1:19" s="54" customFormat="1" ht="46.5" customHeight="1" x14ac:dyDescent="0.15">
      <c r="A516" s="47" t="s">
        <v>1657</v>
      </c>
      <c r="B516" s="48" t="str">
        <f>IFERROR(VLOOKUP($A516,削除禁止!$A$1:$J$42,2,0),"")</f>
        <v>通所系</v>
      </c>
      <c r="C516" s="12">
        <v>1650160169</v>
      </c>
      <c r="D516" s="12"/>
      <c r="E516" s="12" t="s">
        <v>651</v>
      </c>
      <c r="F516" s="16" t="s">
        <v>1598</v>
      </c>
      <c r="G516" s="10">
        <v>15</v>
      </c>
      <c r="H516" s="10" t="s">
        <v>582</v>
      </c>
      <c r="I516" s="16" t="s">
        <v>1302</v>
      </c>
      <c r="J516" s="10" t="s">
        <v>523</v>
      </c>
      <c r="K516" s="10" t="s">
        <v>831</v>
      </c>
      <c r="L516" s="16" t="s">
        <v>262</v>
      </c>
      <c r="M516" s="26">
        <v>44501</v>
      </c>
      <c r="N516" s="26">
        <v>46691</v>
      </c>
      <c r="O516" s="52"/>
      <c r="P516" s="52"/>
      <c r="Q516" s="52"/>
      <c r="R516" s="49" t="s">
        <v>1764</v>
      </c>
      <c r="S516" s="49" t="s">
        <v>1825</v>
      </c>
    </row>
    <row r="517" spans="1:19" s="54" customFormat="1" ht="46.5" customHeight="1" x14ac:dyDescent="0.15">
      <c r="A517" s="47" t="s">
        <v>1657</v>
      </c>
      <c r="B517" s="48" t="str">
        <f>IFERROR(VLOOKUP($A517,削除禁止!$A$1:$J$42,2,0),"")</f>
        <v>通所系</v>
      </c>
      <c r="C517" s="12">
        <v>1650160177</v>
      </c>
      <c r="D517" s="12"/>
      <c r="E517" s="12"/>
      <c r="F517" s="16" t="s">
        <v>1521</v>
      </c>
      <c r="G517" s="10">
        <v>10</v>
      </c>
      <c r="H517" s="10" t="s">
        <v>1469</v>
      </c>
      <c r="I517" s="16" t="s">
        <v>1615</v>
      </c>
      <c r="J517" s="10" t="s">
        <v>1895</v>
      </c>
      <c r="K517" s="10" t="s">
        <v>2</v>
      </c>
      <c r="L517" s="16" t="s">
        <v>1654</v>
      </c>
      <c r="M517" s="26">
        <v>44652</v>
      </c>
      <c r="N517" s="26">
        <v>46843</v>
      </c>
      <c r="O517" s="52"/>
      <c r="P517" s="52"/>
      <c r="Q517" s="52"/>
      <c r="R517" s="49" t="s">
        <v>1764</v>
      </c>
      <c r="S517" s="49" t="s">
        <v>1811</v>
      </c>
    </row>
    <row r="518" spans="1:19" s="54" customFormat="1" ht="46.5" customHeight="1" x14ac:dyDescent="0.15">
      <c r="A518" s="47" t="s">
        <v>1657</v>
      </c>
      <c r="B518" s="48" t="str">
        <f>IFERROR(VLOOKUP($A518,削除禁止!$A$1:$J$42,2,0),"")</f>
        <v>通所系</v>
      </c>
      <c r="C518" s="12">
        <v>1650160201</v>
      </c>
      <c r="D518" s="12"/>
      <c r="E518" s="12"/>
      <c r="F518" s="16" t="s">
        <v>1745</v>
      </c>
      <c r="G518" s="10">
        <v>10</v>
      </c>
      <c r="H518" s="10" t="s">
        <v>1565</v>
      </c>
      <c r="I518" s="16" t="s">
        <v>1052</v>
      </c>
      <c r="J518" s="10" t="s">
        <v>631</v>
      </c>
      <c r="K518" s="10"/>
      <c r="L518" s="16" t="s">
        <v>1111</v>
      </c>
      <c r="M518" s="26">
        <v>44805</v>
      </c>
      <c r="N518" s="26">
        <v>46996</v>
      </c>
      <c r="O518" s="52"/>
      <c r="P518" s="52"/>
      <c r="Q518" s="52"/>
      <c r="R518" s="49" t="s">
        <v>1764</v>
      </c>
      <c r="S518" s="49" t="s">
        <v>1368</v>
      </c>
    </row>
    <row r="519" spans="1:19" s="53" customFormat="1" ht="46.5" customHeight="1" x14ac:dyDescent="0.15">
      <c r="A519" s="47" t="s">
        <v>1657</v>
      </c>
      <c r="B519" s="48" t="str">
        <f>IFERROR(VLOOKUP($A519,削除禁止!$A$1:$J$42,2,0),"")</f>
        <v>通所系</v>
      </c>
      <c r="C519" s="12">
        <v>1650160227</v>
      </c>
      <c r="D519" s="12" t="s">
        <v>651</v>
      </c>
      <c r="E519" s="12"/>
      <c r="F519" s="16" t="s">
        <v>376</v>
      </c>
      <c r="G519" s="10">
        <v>10</v>
      </c>
      <c r="H519" s="10" t="s">
        <v>367</v>
      </c>
      <c r="I519" s="16" t="s">
        <v>1617</v>
      </c>
      <c r="J519" s="10" t="s">
        <v>210</v>
      </c>
      <c r="K519" s="10" t="s">
        <v>271</v>
      </c>
      <c r="L519" s="16" t="s">
        <v>376</v>
      </c>
      <c r="M519" s="26">
        <v>44866</v>
      </c>
      <c r="N519" s="26">
        <v>47057</v>
      </c>
      <c r="O519" s="52"/>
      <c r="P519" s="52"/>
      <c r="Q519" s="52"/>
      <c r="R519" s="49" t="s">
        <v>1764</v>
      </c>
      <c r="S519" s="49" t="s">
        <v>1525</v>
      </c>
    </row>
    <row r="520" spans="1:19" s="53" customFormat="1" ht="46.5" customHeight="1" x14ac:dyDescent="0.15">
      <c r="A520" s="47" t="s">
        <v>1657</v>
      </c>
      <c r="B520" s="48" t="str">
        <f>IFERROR(VLOOKUP($A520,削除禁止!$A$1:$J$42,2,0),"")</f>
        <v>通所系</v>
      </c>
      <c r="C520" s="12">
        <v>1650160235</v>
      </c>
      <c r="D520" s="12" t="s">
        <v>651</v>
      </c>
      <c r="E520" s="12"/>
      <c r="F520" s="16" t="s">
        <v>612</v>
      </c>
      <c r="G520" s="10">
        <v>10</v>
      </c>
      <c r="H520" s="10" t="s">
        <v>566</v>
      </c>
      <c r="I520" s="16" t="s">
        <v>1526</v>
      </c>
      <c r="J520" s="10" t="s">
        <v>498</v>
      </c>
      <c r="K520" s="10" t="s">
        <v>1006</v>
      </c>
      <c r="L520" s="16" t="s">
        <v>1614</v>
      </c>
      <c r="M520" s="26">
        <v>44927</v>
      </c>
      <c r="N520" s="26">
        <v>47483</v>
      </c>
      <c r="O520" s="52"/>
      <c r="P520" s="52"/>
      <c r="Q520" s="52"/>
      <c r="R520" s="49" t="s">
        <v>1764</v>
      </c>
      <c r="S520" s="49" t="s">
        <v>1624</v>
      </c>
    </row>
    <row r="521" spans="1:19" s="53" customFormat="1" ht="46.5" customHeight="1" x14ac:dyDescent="0.15">
      <c r="A521" s="47" t="s">
        <v>1657</v>
      </c>
      <c r="B521" s="48" t="str">
        <f>IFERROR(VLOOKUP($A521,削除禁止!$A$1:$J$42,2,0),"")</f>
        <v>通所系</v>
      </c>
      <c r="C521" s="12">
        <v>1650160250</v>
      </c>
      <c r="D521" s="12"/>
      <c r="E521" s="12"/>
      <c r="F521" s="16" t="s">
        <v>1785</v>
      </c>
      <c r="G521" s="10">
        <v>10</v>
      </c>
      <c r="H521" s="10" t="s">
        <v>1754</v>
      </c>
      <c r="I521" s="16" t="s">
        <v>1758</v>
      </c>
      <c r="J521" s="10" t="s">
        <v>1842</v>
      </c>
      <c r="K521" s="10" t="s">
        <v>1843</v>
      </c>
      <c r="L521" s="16" t="s">
        <v>1844</v>
      </c>
      <c r="M521" s="26">
        <v>45017</v>
      </c>
      <c r="N521" s="26">
        <v>47208</v>
      </c>
      <c r="O521" s="52"/>
      <c r="P521" s="52"/>
      <c r="Q521" s="52"/>
      <c r="R521" s="49" t="s">
        <v>1764</v>
      </c>
      <c r="S521" s="49" t="s">
        <v>1784</v>
      </c>
    </row>
    <row r="522" spans="1:19" s="54" customFormat="1" ht="46.5" customHeight="1" x14ac:dyDescent="0.15">
      <c r="A522" s="47" t="s">
        <v>1657</v>
      </c>
      <c r="B522" s="48" t="str">
        <f>IFERROR(VLOOKUP($A522,削除禁止!$A$1:$J$42,2,0),"")</f>
        <v>通所系</v>
      </c>
      <c r="C522" s="11">
        <v>1650160276</v>
      </c>
      <c r="D522" s="12"/>
      <c r="E522" s="12"/>
      <c r="F522" s="55" t="s">
        <v>1604</v>
      </c>
      <c r="G522" s="11">
        <v>10</v>
      </c>
      <c r="H522" s="10" t="s">
        <v>1113</v>
      </c>
      <c r="I522" s="55" t="s">
        <v>695</v>
      </c>
      <c r="J522" s="11" t="s">
        <v>907</v>
      </c>
      <c r="K522" s="10"/>
      <c r="L522" s="16" t="s">
        <v>145</v>
      </c>
      <c r="M522" s="56">
        <v>45323</v>
      </c>
      <c r="N522" s="56">
        <v>47514</v>
      </c>
      <c r="O522" s="52"/>
      <c r="P522" s="52"/>
      <c r="Q522" s="52"/>
      <c r="R522" s="49" t="s">
        <v>1764</v>
      </c>
      <c r="S522" s="57" t="s">
        <v>1817</v>
      </c>
    </row>
    <row r="523" spans="1:19" s="54" customFormat="1" ht="46.5" customHeight="1" x14ac:dyDescent="0.15">
      <c r="A523" s="47" t="s">
        <v>1838</v>
      </c>
      <c r="B523" s="48" t="str">
        <f>IFERROR(VLOOKUP($A523,削除禁止!$A$1:$J$42,2,0),"")</f>
        <v>通所系</v>
      </c>
      <c r="C523" s="39">
        <v>1650160284</v>
      </c>
      <c r="D523" s="40"/>
      <c r="E523" s="40"/>
      <c r="F523" s="41" t="s">
        <v>1910</v>
      </c>
      <c r="G523" s="39">
        <v>10</v>
      </c>
      <c r="H523" s="10" t="s">
        <v>1911</v>
      </c>
      <c r="I523" s="41" t="s">
        <v>1912</v>
      </c>
      <c r="J523" s="39" t="s">
        <v>1913</v>
      </c>
      <c r="K523" s="42" t="s">
        <v>1914</v>
      </c>
      <c r="L523" s="19" t="s">
        <v>1909</v>
      </c>
      <c r="M523" s="64">
        <v>45383</v>
      </c>
      <c r="N523" s="43">
        <v>47573</v>
      </c>
      <c r="O523" s="59"/>
      <c r="P523" s="59"/>
      <c r="Q523" s="59"/>
      <c r="R523" s="60" t="s">
        <v>1764</v>
      </c>
      <c r="S523" s="61" t="s">
        <v>1775</v>
      </c>
    </row>
    <row r="524" spans="1:19" s="54" customFormat="1" ht="46.5" customHeight="1" x14ac:dyDescent="0.15">
      <c r="A524" s="47" t="s">
        <v>1838</v>
      </c>
      <c r="B524" s="48" t="str">
        <f>IFERROR(VLOOKUP($A524,削除禁止!$A$1:$J$42,2,0),"")</f>
        <v>通所系</v>
      </c>
      <c r="C524" s="39">
        <v>1650160318</v>
      </c>
      <c r="D524" s="40" t="s">
        <v>1970</v>
      </c>
      <c r="E524" s="40"/>
      <c r="F524" s="41" t="s">
        <v>1971</v>
      </c>
      <c r="G524" s="39">
        <v>10</v>
      </c>
      <c r="H524" s="10" t="s">
        <v>1972</v>
      </c>
      <c r="I524" s="41" t="s">
        <v>1973</v>
      </c>
      <c r="J524" s="39" t="s">
        <v>1974</v>
      </c>
      <c r="K524" s="42"/>
      <c r="L524" s="19" t="s">
        <v>1975</v>
      </c>
      <c r="M524" s="64">
        <v>45383</v>
      </c>
      <c r="N524" s="43">
        <v>47573</v>
      </c>
      <c r="O524" s="59"/>
      <c r="P524" s="59"/>
      <c r="Q524" s="59"/>
      <c r="R524" s="60" t="s">
        <v>1764</v>
      </c>
      <c r="S524" s="61" t="s">
        <v>1818</v>
      </c>
    </row>
    <row r="525" spans="1:19" s="54" customFormat="1" ht="46.5" customHeight="1" x14ac:dyDescent="0.15">
      <c r="A525" s="47" t="s">
        <v>1657</v>
      </c>
      <c r="B525" s="48" t="str">
        <f>IFERROR(VLOOKUP($A525,削除禁止!$A$1:$J$42,2,0),"")</f>
        <v>通所系</v>
      </c>
      <c r="C525" s="12">
        <v>1650160334</v>
      </c>
      <c r="D525" s="12" t="s">
        <v>651</v>
      </c>
      <c r="E525" s="12"/>
      <c r="F525" s="18" t="s">
        <v>1988</v>
      </c>
      <c r="G525" s="10">
        <v>6</v>
      </c>
      <c r="H525" s="10" t="s">
        <v>578</v>
      </c>
      <c r="I525" s="16" t="s">
        <v>1995</v>
      </c>
      <c r="J525" s="12" t="s">
        <v>300</v>
      </c>
      <c r="K525" s="12" t="s">
        <v>580</v>
      </c>
      <c r="L525" s="19" t="s">
        <v>1989</v>
      </c>
      <c r="M525" s="64">
        <v>45383</v>
      </c>
      <c r="N525" s="43">
        <v>47573</v>
      </c>
      <c r="O525" s="59"/>
      <c r="P525" s="59"/>
      <c r="Q525" s="59"/>
      <c r="R525" s="60" t="s">
        <v>1764</v>
      </c>
      <c r="S525" s="61" t="s">
        <v>1519</v>
      </c>
    </row>
    <row r="526" spans="1:19" s="54" customFormat="1" ht="46.5" customHeight="1" x14ac:dyDescent="0.15">
      <c r="A526" s="47" t="s">
        <v>1657</v>
      </c>
      <c r="B526" s="48" t="str">
        <f>IFERROR(VLOOKUP($A526,削除禁止!$A$1:$J$42,2,0),"")</f>
        <v>通所系</v>
      </c>
      <c r="C526" s="39">
        <v>1650160326</v>
      </c>
      <c r="D526" s="12"/>
      <c r="E526" s="40"/>
      <c r="F526" s="41" t="s">
        <v>1996</v>
      </c>
      <c r="G526" s="39">
        <v>20</v>
      </c>
      <c r="H526" s="10" t="s">
        <v>1997</v>
      </c>
      <c r="I526" s="41" t="s">
        <v>1998</v>
      </c>
      <c r="J526" s="39" t="s">
        <v>1999</v>
      </c>
      <c r="K526" s="42" t="s">
        <v>2000</v>
      </c>
      <c r="L526" s="19" t="s">
        <v>2001</v>
      </c>
      <c r="M526" s="64">
        <v>45383</v>
      </c>
      <c r="N526" s="43">
        <v>47573</v>
      </c>
      <c r="O526" s="59"/>
      <c r="P526" s="59"/>
      <c r="Q526" s="59"/>
      <c r="R526" s="60" t="s">
        <v>1808</v>
      </c>
      <c r="S526" s="61" t="s">
        <v>1832</v>
      </c>
    </row>
    <row r="527" spans="1:19" s="54" customFormat="1" ht="46.5" customHeight="1" x14ac:dyDescent="0.15">
      <c r="A527" s="47" t="s">
        <v>1657</v>
      </c>
      <c r="B527" s="48" t="str">
        <f>IFERROR(VLOOKUP($A527,削除禁止!$A$1:$J$42,2,0),"")</f>
        <v>通所系</v>
      </c>
      <c r="C527" s="12">
        <v>1650100553</v>
      </c>
      <c r="D527" s="12" t="s">
        <v>651</v>
      </c>
      <c r="E527" s="12" t="s">
        <v>651</v>
      </c>
      <c r="F527" s="16" t="s">
        <v>975</v>
      </c>
      <c r="G527" s="10">
        <v>10</v>
      </c>
      <c r="H527" s="10" t="s">
        <v>287</v>
      </c>
      <c r="I527" s="16" t="s">
        <v>810</v>
      </c>
      <c r="J527" s="12" t="s">
        <v>778</v>
      </c>
      <c r="K527" s="12" t="s">
        <v>779</v>
      </c>
      <c r="L527" s="19" t="s">
        <v>976</v>
      </c>
      <c r="M527" s="27">
        <v>43191</v>
      </c>
      <c r="N527" s="27">
        <v>47573</v>
      </c>
      <c r="O527" s="59"/>
      <c r="P527" s="59"/>
      <c r="Q527" s="59"/>
      <c r="R527" s="49" t="s">
        <v>1809</v>
      </c>
      <c r="S527" s="49" t="s">
        <v>1779</v>
      </c>
    </row>
    <row r="528" spans="1:19" s="54" customFormat="1" ht="46.5" customHeight="1" x14ac:dyDescent="0.15">
      <c r="A528" s="47" t="s">
        <v>195</v>
      </c>
      <c r="B528" s="48" t="str">
        <f>IFERROR(VLOOKUP($A528,削除禁止!$A$1:$J$42,2,0),"")</f>
        <v>訪問系</v>
      </c>
      <c r="C528" s="12">
        <v>1650100025</v>
      </c>
      <c r="D528" s="12"/>
      <c r="E528" s="12"/>
      <c r="F528" s="18" t="s">
        <v>434</v>
      </c>
      <c r="G528" s="65"/>
      <c r="H528" s="66" t="s">
        <v>585</v>
      </c>
      <c r="I528" s="16" t="s">
        <v>981</v>
      </c>
      <c r="J528" s="66" t="s">
        <v>586</v>
      </c>
      <c r="K528" s="66" t="s">
        <v>587</v>
      </c>
      <c r="L528" s="18" t="s">
        <v>1597</v>
      </c>
      <c r="M528" s="63">
        <v>41030</v>
      </c>
      <c r="N528" s="27">
        <v>45747</v>
      </c>
      <c r="O528" s="52"/>
      <c r="P528" s="52"/>
      <c r="Q528" s="18"/>
      <c r="R528" s="49" t="s">
        <v>1764</v>
      </c>
      <c r="S528" s="49" t="s">
        <v>1794</v>
      </c>
    </row>
    <row r="529" spans="1:19" s="54" customFormat="1" ht="46.5" customHeight="1" x14ac:dyDescent="0.15">
      <c r="A529" s="47" t="s">
        <v>195</v>
      </c>
      <c r="B529" s="48" t="str">
        <f>IFERROR(VLOOKUP($A529,削除禁止!$A$1:$J$42,2,0),"")</f>
        <v>訪問系</v>
      </c>
      <c r="C529" s="12">
        <v>1650100033</v>
      </c>
      <c r="D529" s="12"/>
      <c r="E529" s="12"/>
      <c r="F529" s="16" t="s">
        <v>1610</v>
      </c>
      <c r="G529" s="65"/>
      <c r="H529" s="10" t="s">
        <v>479</v>
      </c>
      <c r="I529" s="16" t="s">
        <v>1329</v>
      </c>
      <c r="J529" s="12" t="s">
        <v>609</v>
      </c>
      <c r="K529" s="12" t="s">
        <v>851</v>
      </c>
      <c r="L529" s="19" t="s">
        <v>389</v>
      </c>
      <c r="M529" s="63">
        <v>42095</v>
      </c>
      <c r="N529" s="27">
        <v>46477</v>
      </c>
      <c r="O529" s="52"/>
      <c r="P529" s="52"/>
      <c r="Q529" s="18"/>
      <c r="R529" s="49" t="s">
        <v>1764</v>
      </c>
      <c r="S529" s="49" t="s">
        <v>192</v>
      </c>
    </row>
    <row r="530" spans="1:19" s="54" customFormat="1" ht="46.5" customHeight="1" x14ac:dyDescent="0.15">
      <c r="A530" s="47" t="s">
        <v>195</v>
      </c>
      <c r="B530" s="48" t="str">
        <f>IFERROR(VLOOKUP($A530,削除禁止!$A$1:$J$42,2,0),"")</f>
        <v>訪問系</v>
      </c>
      <c r="C530" s="12">
        <v>1650160193</v>
      </c>
      <c r="D530" s="12" t="s">
        <v>651</v>
      </c>
      <c r="E530" s="12"/>
      <c r="F530" s="16" t="s">
        <v>1664</v>
      </c>
      <c r="G530" s="65"/>
      <c r="H530" s="10" t="s">
        <v>943</v>
      </c>
      <c r="I530" s="16" t="s">
        <v>1697</v>
      </c>
      <c r="J530" s="12" t="s">
        <v>958</v>
      </c>
      <c r="K530" s="12" t="s">
        <v>1464</v>
      </c>
      <c r="L530" s="19" t="s">
        <v>13</v>
      </c>
      <c r="M530" s="63">
        <v>44774</v>
      </c>
      <c r="N530" s="27">
        <v>46965</v>
      </c>
      <c r="O530" s="52"/>
      <c r="P530" s="52"/>
      <c r="Q530" s="18"/>
      <c r="R530" s="49" t="s">
        <v>1008</v>
      </c>
      <c r="S530" s="49" t="s">
        <v>1759</v>
      </c>
    </row>
    <row r="531" spans="1:19" s="54" customFormat="1" ht="46.5" customHeight="1" x14ac:dyDescent="0.15">
      <c r="A531" s="47" t="s">
        <v>1839</v>
      </c>
      <c r="B531" s="48" t="str">
        <f>IFERROR(VLOOKUP($A531,削除禁止!$A$1:$J$42,2,0),"")</f>
        <v>訪問系</v>
      </c>
      <c r="C531" s="11">
        <v>1650160136</v>
      </c>
      <c r="D531" s="12" t="s">
        <v>651</v>
      </c>
      <c r="E531" s="12"/>
      <c r="F531" s="55" t="s">
        <v>1440</v>
      </c>
      <c r="G531" s="11"/>
      <c r="H531" s="10" t="s">
        <v>943</v>
      </c>
      <c r="I531" s="16" t="s">
        <v>1512</v>
      </c>
      <c r="J531" s="12" t="s">
        <v>687</v>
      </c>
      <c r="K531" s="12" t="s">
        <v>1464</v>
      </c>
      <c r="L531" s="19" t="s">
        <v>13</v>
      </c>
      <c r="M531" s="67">
        <v>45017</v>
      </c>
      <c r="N531" s="56">
        <v>47208</v>
      </c>
      <c r="O531" s="52"/>
      <c r="P531" s="52"/>
      <c r="Q531" s="18"/>
      <c r="R531" s="49" t="s">
        <v>1008</v>
      </c>
      <c r="S531" s="49" t="s">
        <v>1759</v>
      </c>
    </row>
    <row r="532" spans="1:19" s="54" customFormat="1" ht="46.5" customHeight="1" x14ac:dyDescent="0.15">
      <c r="A532" s="47" t="s">
        <v>1839</v>
      </c>
      <c r="B532" s="48" t="str">
        <f>IFERROR(VLOOKUP($A532,削除禁止!$A$1:$J$42,2,0),"")</f>
        <v>訪問系</v>
      </c>
      <c r="C532" s="11">
        <v>1650160110</v>
      </c>
      <c r="D532" s="12" t="s">
        <v>651</v>
      </c>
      <c r="E532" s="12"/>
      <c r="F532" s="55" t="s">
        <v>605</v>
      </c>
      <c r="G532" s="11"/>
      <c r="H532" s="10" t="s">
        <v>757</v>
      </c>
      <c r="I532" s="16" t="s">
        <v>363</v>
      </c>
      <c r="J532" s="12" t="s">
        <v>1463</v>
      </c>
      <c r="K532" s="12" t="s">
        <v>1089</v>
      </c>
      <c r="L532" s="19" t="s">
        <v>954</v>
      </c>
      <c r="M532" s="67">
        <v>45017</v>
      </c>
      <c r="N532" s="56">
        <v>47208</v>
      </c>
      <c r="O532" s="52"/>
      <c r="P532" s="52"/>
      <c r="Q532" s="18"/>
      <c r="R532" s="49" t="s">
        <v>1764</v>
      </c>
      <c r="S532" s="49" t="s">
        <v>1821</v>
      </c>
    </row>
    <row r="533" spans="1:19" s="54" customFormat="1" ht="46.5" customHeight="1" x14ac:dyDescent="0.15">
      <c r="A533" s="47" t="s">
        <v>1839</v>
      </c>
      <c r="B533" s="48" t="str">
        <f>IFERROR(VLOOKUP($A533,削除禁止!$A$1:$J$42,2,0),"")</f>
        <v>訪問系</v>
      </c>
      <c r="C533" s="12">
        <v>1650160144</v>
      </c>
      <c r="D533" s="12" t="s">
        <v>651</v>
      </c>
      <c r="E533" s="12"/>
      <c r="F533" s="16" t="s">
        <v>1740</v>
      </c>
      <c r="G533" s="10"/>
      <c r="H533" s="10" t="s">
        <v>794</v>
      </c>
      <c r="I533" s="16" t="s">
        <v>853</v>
      </c>
      <c r="J533" s="12" t="s">
        <v>1179</v>
      </c>
      <c r="K533" s="12" t="s">
        <v>1447</v>
      </c>
      <c r="L533" s="19" t="s">
        <v>1653</v>
      </c>
      <c r="M533" s="67">
        <v>45108</v>
      </c>
      <c r="N533" s="56">
        <v>47299</v>
      </c>
      <c r="O533" s="52"/>
      <c r="P533" s="52"/>
      <c r="Q533" s="18"/>
      <c r="R533" s="49" t="s">
        <v>1764</v>
      </c>
      <c r="S533" s="57" t="s">
        <v>1772</v>
      </c>
    </row>
    <row r="534" spans="1:19" s="54" customFormat="1" ht="46.5" customHeight="1" x14ac:dyDescent="0.15">
      <c r="A534" s="47" t="s">
        <v>1839</v>
      </c>
      <c r="B534" s="48" t="str">
        <f>IFERROR(VLOOKUP($A534,削除禁止!$A$1:$J$42,2,0),"")</f>
        <v>訪問系</v>
      </c>
      <c r="C534" s="39">
        <v>1650160292</v>
      </c>
      <c r="D534" s="12" t="s">
        <v>651</v>
      </c>
      <c r="E534" s="40"/>
      <c r="F534" s="41" t="s">
        <v>1917</v>
      </c>
      <c r="G534" s="39"/>
      <c r="H534" s="10" t="s">
        <v>757</v>
      </c>
      <c r="I534" s="16" t="s">
        <v>363</v>
      </c>
      <c r="J534" s="12" t="s">
        <v>1463</v>
      </c>
      <c r="K534" s="12" t="s">
        <v>1089</v>
      </c>
      <c r="L534" s="19" t="s">
        <v>954</v>
      </c>
      <c r="M534" s="64">
        <v>45383</v>
      </c>
      <c r="N534" s="43">
        <v>47573</v>
      </c>
      <c r="O534" s="59"/>
      <c r="P534" s="59"/>
      <c r="Q534" s="44"/>
      <c r="R534" s="60" t="s">
        <v>1764</v>
      </c>
      <c r="S534" s="61" t="s">
        <v>1821</v>
      </c>
    </row>
    <row r="535" spans="1:19" s="54" customFormat="1" ht="46.5" customHeight="1" x14ac:dyDescent="0.15">
      <c r="A535" s="47" t="s">
        <v>1839</v>
      </c>
      <c r="B535" s="48" t="str">
        <f>IFERROR(VLOOKUP($A535,削除禁止!$A$1:$J$42,2,0),"")</f>
        <v>訪問系</v>
      </c>
      <c r="C535" s="39">
        <v>1650160235</v>
      </c>
      <c r="D535" s="12" t="s">
        <v>651</v>
      </c>
      <c r="E535" s="40"/>
      <c r="F535" s="41" t="s">
        <v>1984</v>
      </c>
      <c r="G535" s="39"/>
      <c r="H535" s="10" t="s">
        <v>566</v>
      </c>
      <c r="I535" s="16" t="s">
        <v>1590</v>
      </c>
      <c r="J535" s="39" t="s">
        <v>1985</v>
      </c>
      <c r="K535" s="42" t="s">
        <v>1986</v>
      </c>
      <c r="L535" s="19" t="s">
        <v>1987</v>
      </c>
      <c r="M535" s="64">
        <v>45383</v>
      </c>
      <c r="N535" s="43">
        <v>47573</v>
      </c>
      <c r="O535" s="59"/>
      <c r="P535" s="59"/>
      <c r="Q535" s="44"/>
      <c r="R535" s="60" t="s">
        <v>1764</v>
      </c>
      <c r="S535" s="61" t="s">
        <v>1624</v>
      </c>
    </row>
    <row r="536" spans="1:19" s="54" customFormat="1" ht="46.5" customHeight="1" x14ac:dyDescent="0.15">
      <c r="A536" s="47" t="s">
        <v>1659</v>
      </c>
      <c r="B536" s="48" t="str">
        <f>IFERROR(VLOOKUP($A536,削除禁止!$A$1:$J$42,2,0),"")</f>
        <v>基準該当</v>
      </c>
      <c r="C536" s="12">
        <v>1640100036</v>
      </c>
      <c r="D536" s="12"/>
      <c r="E536" s="12"/>
      <c r="F536" s="55" t="s">
        <v>805</v>
      </c>
      <c r="G536" s="65"/>
      <c r="H536" s="11" t="s">
        <v>208</v>
      </c>
      <c r="I536" s="16" t="s">
        <v>1327</v>
      </c>
      <c r="J536" s="12" t="s">
        <v>676</v>
      </c>
      <c r="K536" s="12" t="s">
        <v>676</v>
      </c>
      <c r="L536" s="48" t="s">
        <v>551</v>
      </c>
      <c r="M536" s="28">
        <v>38991</v>
      </c>
      <c r="N536" s="28"/>
      <c r="O536" s="52"/>
      <c r="P536" s="52"/>
      <c r="Q536" s="52"/>
      <c r="R536" s="49" t="s">
        <v>1764</v>
      </c>
      <c r="S536" s="49" t="s">
        <v>1527</v>
      </c>
    </row>
    <row r="537" spans="1:19" s="54" customFormat="1" ht="46.5" customHeight="1" x14ac:dyDescent="0.15">
      <c r="A537" s="47" t="s">
        <v>1659</v>
      </c>
      <c r="B537" s="48" t="str">
        <f>IFERROR(VLOOKUP($A537,削除禁止!$A$1:$J$42,2,0),"")</f>
        <v>基準該当</v>
      </c>
      <c r="C537" s="12">
        <v>1640100689</v>
      </c>
      <c r="D537" s="12"/>
      <c r="E537" s="12"/>
      <c r="F537" s="55" t="s">
        <v>1854</v>
      </c>
      <c r="G537" s="65"/>
      <c r="H537" s="11" t="s">
        <v>450</v>
      </c>
      <c r="I537" s="16" t="s">
        <v>1374</v>
      </c>
      <c r="J537" s="12" t="s">
        <v>1502</v>
      </c>
      <c r="K537" s="12" t="s">
        <v>1279</v>
      </c>
      <c r="L537" s="48" t="s">
        <v>270</v>
      </c>
      <c r="M537" s="28">
        <v>45017</v>
      </c>
      <c r="N537" s="28"/>
      <c r="O537" s="52"/>
      <c r="P537" s="52"/>
      <c r="Q537" s="52"/>
      <c r="R537" s="49" t="s">
        <v>1764</v>
      </c>
      <c r="S537" s="49" t="s">
        <v>562</v>
      </c>
    </row>
    <row r="538" spans="1:19" s="54" customFormat="1" ht="46.5" customHeight="1" x14ac:dyDescent="0.15">
      <c r="A538" s="47" t="s">
        <v>1659</v>
      </c>
      <c r="B538" s="48" t="str">
        <f>IFERROR(VLOOKUP($A538,削除禁止!$A$1:$J$42,2,0),"")</f>
        <v>基準該当</v>
      </c>
      <c r="C538" s="12">
        <v>1680100359</v>
      </c>
      <c r="D538" s="12"/>
      <c r="E538" s="12"/>
      <c r="F538" s="19" t="s">
        <v>341</v>
      </c>
      <c r="G538" s="65"/>
      <c r="H538" s="10" t="s">
        <v>575</v>
      </c>
      <c r="I538" s="16" t="s">
        <v>888</v>
      </c>
      <c r="J538" s="12" t="s">
        <v>451</v>
      </c>
      <c r="K538" s="10" t="s">
        <v>179</v>
      </c>
      <c r="L538" s="16" t="s">
        <v>1104</v>
      </c>
      <c r="M538" s="28"/>
      <c r="N538" s="28"/>
      <c r="O538" s="30"/>
      <c r="P538" s="52"/>
      <c r="Q538" s="52"/>
      <c r="R538" s="49" t="s">
        <v>1808</v>
      </c>
      <c r="S538" s="49" t="s">
        <v>1832</v>
      </c>
    </row>
    <row r="539" spans="1:19" s="54" customFormat="1" ht="46.5" customHeight="1" x14ac:dyDescent="0.15">
      <c r="A539" s="47" t="s">
        <v>1659</v>
      </c>
      <c r="B539" s="48" t="str">
        <f>IFERROR(VLOOKUP($A539,削除禁止!$A$1:$J$42,2,0),"")</f>
        <v>基準該当</v>
      </c>
      <c r="C539" s="12">
        <v>1640100010</v>
      </c>
      <c r="D539" s="12"/>
      <c r="E539" s="12"/>
      <c r="F539" s="19" t="s">
        <v>211</v>
      </c>
      <c r="G539" s="65"/>
      <c r="H539" s="65" t="s">
        <v>1435</v>
      </c>
      <c r="I539" s="51" t="s">
        <v>1702</v>
      </c>
      <c r="J539" s="65" t="s">
        <v>70</v>
      </c>
      <c r="K539" s="65" t="s">
        <v>1013</v>
      </c>
      <c r="L539" s="19" t="s">
        <v>1416</v>
      </c>
      <c r="M539" s="28"/>
      <c r="N539" s="28"/>
      <c r="O539" s="52"/>
      <c r="P539" s="52"/>
      <c r="Q539" s="52"/>
      <c r="R539" s="49" t="s">
        <v>1008</v>
      </c>
      <c r="S539" s="49" t="s">
        <v>1835</v>
      </c>
    </row>
    <row r="540" spans="1:19" s="54" customFormat="1" ht="46.5" customHeight="1" x14ac:dyDescent="0.15">
      <c r="A540" s="47" t="s">
        <v>1659</v>
      </c>
      <c r="B540" s="48" t="str">
        <f>IFERROR(VLOOKUP($A540,削除禁止!$A$1:$J$42,2,0),"")</f>
        <v>基準該当</v>
      </c>
      <c r="C540" s="12">
        <v>1640100598</v>
      </c>
      <c r="D540" s="12"/>
      <c r="E540" s="12"/>
      <c r="F540" s="19" t="s">
        <v>1880</v>
      </c>
      <c r="G540" s="65"/>
      <c r="H540" s="65" t="s">
        <v>35</v>
      </c>
      <c r="I540" s="51" t="s">
        <v>1609</v>
      </c>
      <c r="J540" s="12" t="s">
        <v>897</v>
      </c>
      <c r="K540" s="12" t="s">
        <v>861</v>
      </c>
      <c r="L540" s="19" t="s">
        <v>1419</v>
      </c>
      <c r="M540" s="28"/>
      <c r="N540" s="28"/>
      <c r="O540" s="30"/>
      <c r="P540" s="52"/>
      <c r="Q540" s="52"/>
      <c r="R540" s="49" t="s">
        <v>1809</v>
      </c>
      <c r="S540" s="49" t="s">
        <v>175</v>
      </c>
    </row>
    <row r="541" spans="1:19" s="54" customFormat="1" ht="46.5" customHeight="1" x14ac:dyDescent="0.15">
      <c r="A541" s="47" t="s">
        <v>1659</v>
      </c>
      <c r="B541" s="48" t="str">
        <f>IFERROR(VLOOKUP($A541,削除禁止!$A$1:$J$42,2,0),"")</f>
        <v>基準該当</v>
      </c>
      <c r="C541" s="12">
        <v>1640100333</v>
      </c>
      <c r="D541" s="12"/>
      <c r="E541" s="12"/>
      <c r="F541" s="19" t="s">
        <v>86</v>
      </c>
      <c r="G541" s="65"/>
      <c r="H541" s="65" t="s">
        <v>1437</v>
      </c>
      <c r="I541" s="51" t="s">
        <v>1621</v>
      </c>
      <c r="J541" s="12" t="s">
        <v>1021</v>
      </c>
      <c r="K541" s="12" t="s">
        <v>1022</v>
      </c>
      <c r="L541" s="19" t="s">
        <v>1418</v>
      </c>
      <c r="M541" s="28"/>
      <c r="N541" s="28"/>
      <c r="O541" s="52"/>
      <c r="P541" s="52"/>
      <c r="Q541" s="52"/>
      <c r="R541" s="49" t="s">
        <v>1764</v>
      </c>
      <c r="S541" s="49" t="s">
        <v>1824</v>
      </c>
    </row>
    <row r="542" spans="1:19" s="54" customFormat="1" ht="46.5" customHeight="1" x14ac:dyDescent="0.15">
      <c r="A542" s="47" t="s">
        <v>1659</v>
      </c>
      <c r="B542" s="48" t="str">
        <f>IFERROR(VLOOKUP($A542,削除禁止!$A$1:$J$42,2,0),"")</f>
        <v>基準該当</v>
      </c>
      <c r="C542" s="12">
        <v>1640100390</v>
      </c>
      <c r="D542" s="12"/>
      <c r="E542" s="12"/>
      <c r="F542" s="19" t="s">
        <v>264</v>
      </c>
      <c r="G542" s="65"/>
      <c r="H542" s="65" t="s">
        <v>839</v>
      </c>
      <c r="I542" s="48" t="s">
        <v>298</v>
      </c>
      <c r="J542" s="12" t="s">
        <v>969</v>
      </c>
      <c r="K542" s="12" t="s">
        <v>725</v>
      </c>
      <c r="L542" s="18" t="s">
        <v>270</v>
      </c>
      <c r="M542" s="27"/>
      <c r="N542" s="27"/>
      <c r="O542" s="52"/>
      <c r="P542" s="52"/>
      <c r="Q542" s="52"/>
      <c r="R542" s="49" t="s">
        <v>1764</v>
      </c>
      <c r="S542" s="49" t="s">
        <v>1814</v>
      </c>
    </row>
    <row r="543" spans="1:19" s="54" customFormat="1" ht="46.5" customHeight="1" x14ac:dyDescent="0.15">
      <c r="A543" s="47" t="s">
        <v>1659</v>
      </c>
      <c r="B543" s="48" t="str">
        <f>IFERROR(VLOOKUP($A543,削除禁止!$A$1:$J$42,2,0),"")</f>
        <v>基準該当</v>
      </c>
      <c r="C543" s="12">
        <v>1640100242</v>
      </c>
      <c r="D543" s="12"/>
      <c r="E543" s="12"/>
      <c r="F543" s="19" t="s">
        <v>108</v>
      </c>
      <c r="G543" s="65"/>
      <c r="H543" s="65" t="s">
        <v>313</v>
      </c>
      <c r="I543" s="16" t="s">
        <v>1331</v>
      </c>
      <c r="J543" s="65" t="s">
        <v>1009</v>
      </c>
      <c r="K543" s="65" t="s">
        <v>1012</v>
      </c>
      <c r="L543" s="19" t="s">
        <v>903</v>
      </c>
      <c r="M543" s="28"/>
      <c r="N543" s="28"/>
      <c r="O543" s="52"/>
      <c r="P543" s="52"/>
      <c r="Q543" s="52"/>
      <c r="R543" s="49" t="s">
        <v>1008</v>
      </c>
      <c r="S543" s="49" t="s">
        <v>1800</v>
      </c>
    </row>
    <row r="544" spans="1:19" s="54" customFormat="1" ht="46.5" customHeight="1" x14ac:dyDescent="0.15">
      <c r="A544" s="47" t="s">
        <v>1659</v>
      </c>
      <c r="B544" s="48" t="str">
        <f>IFERROR(VLOOKUP($A544,削除禁止!$A$1:$J$42,2,0),"")</f>
        <v>基準該当</v>
      </c>
      <c r="C544" s="12">
        <v>1640100283</v>
      </c>
      <c r="D544" s="12"/>
      <c r="E544" s="12"/>
      <c r="F544" s="19" t="s">
        <v>1272</v>
      </c>
      <c r="G544" s="65"/>
      <c r="H544" s="65" t="s">
        <v>99</v>
      </c>
      <c r="I544" s="51" t="s">
        <v>1522</v>
      </c>
      <c r="J544" s="12" t="s">
        <v>431</v>
      </c>
      <c r="K544" s="12" t="s">
        <v>1018</v>
      </c>
      <c r="L544" s="19" t="s">
        <v>1272</v>
      </c>
      <c r="M544" s="28"/>
      <c r="N544" s="28"/>
      <c r="O544" s="52"/>
      <c r="P544" s="52"/>
      <c r="Q544" s="52"/>
      <c r="R544" s="49" t="s">
        <v>1786</v>
      </c>
      <c r="S544" s="49" t="s">
        <v>1797</v>
      </c>
    </row>
    <row r="545" spans="1:19" s="54" customFormat="1" ht="46.5" customHeight="1" x14ac:dyDescent="0.15">
      <c r="A545" s="47" t="s">
        <v>1659</v>
      </c>
      <c r="B545" s="48" t="str">
        <f>IFERROR(VLOOKUP($A545,削除禁止!$A$1:$J$42,2,0),"")</f>
        <v>基準該当</v>
      </c>
      <c r="C545" s="12">
        <v>1640100655</v>
      </c>
      <c r="D545" s="12"/>
      <c r="E545" s="12"/>
      <c r="F545" s="18" t="s">
        <v>1062</v>
      </c>
      <c r="G545" s="12"/>
      <c r="H545" s="12" t="s">
        <v>881</v>
      </c>
      <c r="I545" s="16" t="s">
        <v>957</v>
      </c>
      <c r="J545" s="12" t="s">
        <v>820</v>
      </c>
      <c r="K545" s="12" t="s">
        <v>894</v>
      </c>
      <c r="L545" s="18" t="s">
        <v>1062</v>
      </c>
      <c r="M545" s="27"/>
      <c r="N545" s="27"/>
      <c r="O545" s="52"/>
      <c r="P545" s="52"/>
      <c r="Q545" s="52"/>
      <c r="R545" s="49" t="s">
        <v>1764</v>
      </c>
      <c r="S545" s="49" t="s">
        <v>1704</v>
      </c>
    </row>
    <row r="546" spans="1:19" s="54" customFormat="1" ht="46.5" customHeight="1" x14ac:dyDescent="0.15">
      <c r="A546" s="47" t="s">
        <v>1659</v>
      </c>
      <c r="B546" s="48" t="str">
        <f>IFERROR(VLOOKUP($A546,削除禁止!$A$1:$J$42,2,0),"")</f>
        <v>基準該当</v>
      </c>
      <c r="C546" s="12">
        <v>1640100671</v>
      </c>
      <c r="D546" s="12"/>
      <c r="E546" s="12"/>
      <c r="F546" s="19" t="s">
        <v>807</v>
      </c>
      <c r="G546" s="65"/>
      <c r="H546" s="65" t="s">
        <v>1036</v>
      </c>
      <c r="I546" s="51" t="s">
        <v>1434</v>
      </c>
      <c r="J546" s="65" t="s">
        <v>240</v>
      </c>
      <c r="K546" s="65" t="s">
        <v>512</v>
      </c>
      <c r="L546" s="19" t="s">
        <v>999</v>
      </c>
      <c r="M546" s="28"/>
      <c r="N546" s="28"/>
      <c r="O546" s="52"/>
      <c r="P546" s="52"/>
      <c r="Q546" s="52"/>
      <c r="R546" s="49" t="s">
        <v>1786</v>
      </c>
      <c r="S546" s="49" t="s">
        <v>1833</v>
      </c>
    </row>
    <row r="547" spans="1:19" s="54" customFormat="1" ht="46.5" customHeight="1" x14ac:dyDescent="0.15">
      <c r="A547" s="47" t="s">
        <v>1659</v>
      </c>
      <c r="B547" s="48" t="str">
        <f>IFERROR(VLOOKUP($A547,削除禁止!$A$1:$J$42,2,0),"")</f>
        <v>基準該当</v>
      </c>
      <c r="C547" s="12">
        <v>1640100341</v>
      </c>
      <c r="D547" s="12"/>
      <c r="E547" s="12"/>
      <c r="F547" s="19" t="s">
        <v>690</v>
      </c>
      <c r="G547" s="65"/>
      <c r="H547" s="65" t="s">
        <v>1036</v>
      </c>
      <c r="I547" s="51" t="s">
        <v>1599</v>
      </c>
      <c r="J547" s="12" t="s">
        <v>1023</v>
      </c>
      <c r="K547" s="12" t="s">
        <v>188</v>
      </c>
      <c r="L547" s="19" t="s">
        <v>999</v>
      </c>
      <c r="M547" s="28"/>
      <c r="N547" s="28"/>
      <c r="O547" s="52"/>
      <c r="P547" s="52"/>
      <c r="Q547" s="52"/>
      <c r="R547" s="49" t="s">
        <v>1786</v>
      </c>
      <c r="S547" s="49" t="s">
        <v>1833</v>
      </c>
    </row>
    <row r="548" spans="1:19" s="54" customFormat="1" ht="46.5" customHeight="1" x14ac:dyDescent="0.15">
      <c r="A548" s="47" t="s">
        <v>1659</v>
      </c>
      <c r="B548" s="48" t="str">
        <f>IFERROR(VLOOKUP($A548,削除禁止!$A$1:$J$42,2,0),"")</f>
        <v>基準該当</v>
      </c>
      <c r="C548" s="12">
        <v>1640100127</v>
      </c>
      <c r="D548" s="12"/>
      <c r="E548" s="12"/>
      <c r="F548" s="19" t="s">
        <v>962</v>
      </c>
      <c r="G548" s="65"/>
      <c r="H548" s="65" t="s">
        <v>497</v>
      </c>
      <c r="I548" s="16" t="s">
        <v>1332</v>
      </c>
      <c r="J548" s="65" t="s">
        <v>500</v>
      </c>
      <c r="K548" s="65" t="s">
        <v>502</v>
      </c>
      <c r="L548" s="19" t="s">
        <v>551</v>
      </c>
      <c r="M548" s="28"/>
      <c r="N548" s="28"/>
      <c r="O548" s="52"/>
      <c r="P548" s="52"/>
      <c r="Q548" s="52"/>
      <c r="R548" s="49" t="s">
        <v>1764</v>
      </c>
      <c r="S548" s="49" t="s">
        <v>1704</v>
      </c>
    </row>
    <row r="549" spans="1:19" s="54" customFormat="1" ht="46.5" customHeight="1" x14ac:dyDescent="0.15">
      <c r="A549" s="47" t="s">
        <v>1659</v>
      </c>
      <c r="B549" s="48" t="str">
        <f>IFERROR(VLOOKUP($A549,削除禁止!$A$1:$J$42,2,0),"")</f>
        <v>基準該当</v>
      </c>
      <c r="C549" s="12">
        <v>1640100119</v>
      </c>
      <c r="D549" s="12"/>
      <c r="E549" s="12"/>
      <c r="F549" s="19" t="s">
        <v>817</v>
      </c>
      <c r="G549" s="65"/>
      <c r="H549" s="65" t="s">
        <v>208</v>
      </c>
      <c r="I549" s="51" t="s">
        <v>1044</v>
      </c>
      <c r="J549" s="65" t="s">
        <v>745</v>
      </c>
      <c r="K549" s="65" t="s">
        <v>676</v>
      </c>
      <c r="L549" s="19" t="s">
        <v>551</v>
      </c>
      <c r="M549" s="28"/>
      <c r="N549" s="28"/>
      <c r="O549" s="52"/>
      <c r="P549" s="52"/>
      <c r="Q549" s="52"/>
      <c r="R549" s="49" t="s">
        <v>1764</v>
      </c>
      <c r="S549" s="49" t="s">
        <v>1527</v>
      </c>
    </row>
    <row r="550" spans="1:19" s="54" customFormat="1" ht="46.5" customHeight="1" x14ac:dyDescent="0.15">
      <c r="A550" s="47" t="s">
        <v>1659</v>
      </c>
      <c r="B550" s="48" t="str">
        <f>IFERROR(VLOOKUP($A550,削除禁止!$A$1:$J$42,2,0),"")</f>
        <v>基準該当</v>
      </c>
      <c r="C550" s="12">
        <v>1640100077</v>
      </c>
      <c r="D550" s="12"/>
      <c r="E550" s="12"/>
      <c r="F550" s="16" t="s">
        <v>885</v>
      </c>
      <c r="G550" s="10"/>
      <c r="H550" s="10" t="s">
        <v>756</v>
      </c>
      <c r="I550" s="51" t="s">
        <v>1483</v>
      </c>
      <c r="J550" s="65" t="s">
        <v>1001</v>
      </c>
      <c r="K550" s="65" t="s">
        <v>1003</v>
      </c>
      <c r="L550" s="18" t="s">
        <v>1414</v>
      </c>
      <c r="M550" s="27"/>
      <c r="N550" s="27"/>
      <c r="O550" s="52"/>
      <c r="P550" s="52"/>
      <c r="Q550" s="52"/>
      <c r="R550" s="49" t="s">
        <v>1764</v>
      </c>
      <c r="S550" s="49" t="s">
        <v>1527</v>
      </c>
    </row>
    <row r="551" spans="1:19" s="54" customFormat="1" ht="46.5" customHeight="1" x14ac:dyDescent="0.15">
      <c r="A551" s="47" t="s">
        <v>1659</v>
      </c>
      <c r="B551" s="48" t="str">
        <f>IFERROR(VLOOKUP($A551,削除禁止!$A$1:$J$42,2,0),"")</f>
        <v>基準該当</v>
      </c>
      <c r="C551" s="12">
        <v>1640100051</v>
      </c>
      <c r="D551" s="12"/>
      <c r="E551" s="12"/>
      <c r="F551" s="19" t="s">
        <v>1620</v>
      </c>
      <c r="G551" s="65"/>
      <c r="H551" s="65" t="s">
        <v>511</v>
      </c>
      <c r="I551" s="51" t="s">
        <v>1703</v>
      </c>
      <c r="J551" s="65" t="s">
        <v>1015</v>
      </c>
      <c r="K551" s="65" t="s">
        <v>241</v>
      </c>
      <c r="L551" s="19" t="s">
        <v>256</v>
      </c>
      <c r="M551" s="28"/>
      <c r="N551" s="28"/>
      <c r="O551" s="52"/>
      <c r="P551" s="52"/>
      <c r="Q551" s="52"/>
      <c r="R551" s="49" t="s">
        <v>1809</v>
      </c>
      <c r="S551" s="49" t="s">
        <v>175</v>
      </c>
    </row>
    <row r="552" spans="1:19" s="54" customFormat="1" ht="46.5" customHeight="1" x14ac:dyDescent="0.15">
      <c r="A552" s="47" t="s">
        <v>1659</v>
      </c>
      <c r="B552" s="48" t="str">
        <f>IFERROR(VLOOKUP($A552,削除禁止!$A$1:$J$42,2,0),"")</f>
        <v>基準該当</v>
      </c>
      <c r="C552" s="12">
        <v>1640100515</v>
      </c>
      <c r="D552" s="12"/>
      <c r="E552" s="12"/>
      <c r="F552" s="19" t="s">
        <v>1275</v>
      </c>
      <c r="G552" s="65"/>
      <c r="H552" s="65" t="s">
        <v>258</v>
      </c>
      <c r="I552" s="51" t="s">
        <v>663</v>
      </c>
      <c r="J552" s="12" t="s">
        <v>296</v>
      </c>
      <c r="K552" s="12" t="s">
        <v>616</v>
      </c>
      <c r="L552" s="19" t="s">
        <v>482</v>
      </c>
      <c r="M552" s="28"/>
      <c r="N552" s="28"/>
      <c r="O552" s="52"/>
      <c r="P552" s="52"/>
      <c r="Q552" s="52"/>
      <c r="R552" s="49" t="s">
        <v>1764</v>
      </c>
      <c r="S552" s="49" t="s">
        <v>1816</v>
      </c>
    </row>
    <row r="553" spans="1:19" s="54" customFormat="1" ht="46.5" customHeight="1" x14ac:dyDescent="0.15">
      <c r="A553" s="47" t="s">
        <v>1659</v>
      </c>
      <c r="B553" s="48" t="str">
        <f>IFERROR(VLOOKUP($A553,削除禁止!$A$1:$J$42,2,0),"")</f>
        <v>基準該当</v>
      </c>
      <c r="C553" s="12">
        <v>1640100135</v>
      </c>
      <c r="D553" s="12"/>
      <c r="E553" s="12"/>
      <c r="F553" s="19" t="s">
        <v>1221</v>
      </c>
      <c r="G553" s="65"/>
      <c r="H553" s="65" t="s">
        <v>346</v>
      </c>
      <c r="I553" s="51" t="s">
        <v>1660</v>
      </c>
      <c r="J553" s="65" t="s">
        <v>1005</v>
      </c>
      <c r="K553" s="65" t="s">
        <v>681</v>
      </c>
      <c r="L553" s="19" t="s">
        <v>1415</v>
      </c>
      <c r="M553" s="28"/>
      <c r="N553" s="28"/>
      <c r="O553" s="52"/>
      <c r="P553" s="52"/>
      <c r="Q553" s="52"/>
      <c r="R553" s="49" t="s">
        <v>1764</v>
      </c>
      <c r="S553" s="49" t="s">
        <v>1822</v>
      </c>
    </row>
    <row r="554" spans="1:19" s="54" customFormat="1" ht="46.5" customHeight="1" x14ac:dyDescent="0.15">
      <c r="A554" s="47" t="s">
        <v>268</v>
      </c>
      <c r="B554" s="48" t="str">
        <f>IFERROR(VLOOKUP($A554,削除禁止!$A$1:$J$42,2,0),"")</f>
        <v>地域生活支援事業</v>
      </c>
      <c r="C554" s="11">
        <v>1610100289</v>
      </c>
      <c r="D554" s="12"/>
      <c r="E554" s="12"/>
      <c r="F554" s="51" t="s">
        <v>110</v>
      </c>
      <c r="G554" s="11"/>
      <c r="H554" s="11" t="s">
        <v>107</v>
      </c>
      <c r="I554" s="16" t="s">
        <v>1045</v>
      </c>
      <c r="J554" s="10" t="s">
        <v>183</v>
      </c>
      <c r="K554" s="10" t="s">
        <v>151</v>
      </c>
      <c r="L554" s="51" t="s">
        <v>1151</v>
      </c>
      <c r="M554" s="26">
        <v>38991</v>
      </c>
      <c r="N554" s="56"/>
      <c r="O554" s="55"/>
      <c r="P554" s="52"/>
      <c r="Q554" s="52"/>
      <c r="R554" s="49" t="s">
        <v>1764</v>
      </c>
      <c r="S554" s="49" t="s">
        <v>597</v>
      </c>
    </row>
    <row r="555" spans="1:19" s="54" customFormat="1" ht="46.5" customHeight="1" x14ac:dyDescent="0.15">
      <c r="A555" s="47" t="s">
        <v>268</v>
      </c>
      <c r="B555" s="48" t="str">
        <f>IFERROR(VLOOKUP($A555,削除禁止!$A$1:$J$42,2,0),"")</f>
        <v>地域生活支援事業</v>
      </c>
      <c r="C555" s="11">
        <v>1610100347</v>
      </c>
      <c r="D555" s="12"/>
      <c r="E555" s="12"/>
      <c r="F555" s="51" t="s">
        <v>323</v>
      </c>
      <c r="G555" s="11"/>
      <c r="H555" s="11" t="s">
        <v>315</v>
      </c>
      <c r="I555" s="16" t="s">
        <v>477</v>
      </c>
      <c r="J555" s="12" t="s">
        <v>316</v>
      </c>
      <c r="K555" s="12" t="s">
        <v>319</v>
      </c>
      <c r="L555" s="51" t="s">
        <v>1153</v>
      </c>
      <c r="M555" s="26">
        <v>38991</v>
      </c>
      <c r="N555" s="56"/>
      <c r="O555" s="55"/>
      <c r="P555" s="52"/>
      <c r="Q555" s="52"/>
      <c r="R555" s="49" t="s">
        <v>1786</v>
      </c>
      <c r="S555" s="49" t="s">
        <v>1770</v>
      </c>
    </row>
    <row r="556" spans="1:19" s="54" customFormat="1" ht="46.5" customHeight="1" x14ac:dyDescent="0.15">
      <c r="A556" s="47" t="s">
        <v>268</v>
      </c>
      <c r="B556" s="48" t="str">
        <f>IFERROR(VLOOKUP($A556,削除禁止!$A$1:$J$42,2,0),"")</f>
        <v>地域生活支援事業</v>
      </c>
      <c r="C556" s="11">
        <v>1610100206</v>
      </c>
      <c r="D556" s="12"/>
      <c r="E556" s="12"/>
      <c r="F556" s="51" t="s">
        <v>525</v>
      </c>
      <c r="G556" s="11"/>
      <c r="H556" s="11" t="s">
        <v>352</v>
      </c>
      <c r="I556" s="16" t="s">
        <v>1301</v>
      </c>
      <c r="J556" s="10" t="s">
        <v>337</v>
      </c>
      <c r="K556" s="10" t="s">
        <v>692</v>
      </c>
      <c r="L556" s="51" t="s">
        <v>521</v>
      </c>
      <c r="M556" s="26">
        <v>38991</v>
      </c>
      <c r="N556" s="56"/>
      <c r="O556" s="55"/>
      <c r="P556" s="52"/>
      <c r="Q556" s="52"/>
      <c r="R556" s="49" t="s">
        <v>1764</v>
      </c>
      <c r="S556" s="49" t="s">
        <v>1829</v>
      </c>
    </row>
    <row r="557" spans="1:19" s="54" customFormat="1" ht="46.5" customHeight="1" x14ac:dyDescent="0.15">
      <c r="A557" s="47" t="s">
        <v>268</v>
      </c>
      <c r="B557" s="48" t="str">
        <f>IFERROR(VLOOKUP($A557,削除禁止!$A$1:$J$42,2,0),"")</f>
        <v>地域生活支援事業</v>
      </c>
      <c r="C557" s="11">
        <v>1610100263</v>
      </c>
      <c r="D557" s="12"/>
      <c r="E557" s="12"/>
      <c r="F557" s="51" t="s">
        <v>602</v>
      </c>
      <c r="G557" s="11"/>
      <c r="H557" s="11" t="s">
        <v>53</v>
      </c>
      <c r="I557" s="16" t="s">
        <v>1841</v>
      </c>
      <c r="J557" s="10" t="s">
        <v>968</v>
      </c>
      <c r="K557" s="10" t="s">
        <v>968</v>
      </c>
      <c r="L557" s="51" t="s">
        <v>602</v>
      </c>
      <c r="M557" s="26">
        <v>38991</v>
      </c>
      <c r="N557" s="56"/>
      <c r="O557" s="55"/>
      <c r="P557" s="52"/>
      <c r="Q557" s="52"/>
      <c r="R557" s="49" t="s">
        <v>1764</v>
      </c>
      <c r="S557" s="49" t="s">
        <v>1704</v>
      </c>
    </row>
    <row r="558" spans="1:19" s="54" customFormat="1" ht="46.5" customHeight="1" x14ac:dyDescent="0.15">
      <c r="A558" s="47" t="s">
        <v>268</v>
      </c>
      <c r="B558" s="48" t="str">
        <f>IFERROR(VLOOKUP($A558,削除禁止!$A$1:$J$42,2,0),"")</f>
        <v>地域生活支援事業</v>
      </c>
      <c r="C558" s="11">
        <v>1610100412</v>
      </c>
      <c r="D558" s="12"/>
      <c r="E558" s="12"/>
      <c r="F558" s="51" t="s">
        <v>118</v>
      </c>
      <c r="G558" s="11"/>
      <c r="H558" s="11" t="s">
        <v>601</v>
      </c>
      <c r="I558" s="16" t="s">
        <v>1034</v>
      </c>
      <c r="J558" s="10" t="s">
        <v>628</v>
      </c>
      <c r="K558" s="10" t="s">
        <v>176</v>
      </c>
      <c r="L558" s="51" t="s">
        <v>626</v>
      </c>
      <c r="M558" s="26">
        <v>38991</v>
      </c>
      <c r="N558" s="56"/>
      <c r="O558" s="55"/>
      <c r="P558" s="52"/>
      <c r="Q558" s="52"/>
      <c r="R558" s="49" t="s">
        <v>1764</v>
      </c>
      <c r="S558" s="49" t="s">
        <v>1822</v>
      </c>
    </row>
    <row r="559" spans="1:19" s="54" customFormat="1" ht="46.5" customHeight="1" x14ac:dyDescent="0.15">
      <c r="A559" s="47" t="s">
        <v>268</v>
      </c>
      <c r="B559" s="48" t="str">
        <f>IFERROR(VLOOKUP($A559,削除禁止!$A$1:$J$42,2,0),"")</f>
        <v>地域生活支援事業</v>
      </c>
      <c r="C559" s="11">
        <v>1610100636</v>
      </c>
      <c r="D559" s="12"/>
      <c r="E559" s="12"/>
      <c r="F559" s="16" t="s">
        <v>207</v>
      </c>
      <c r="G559" s="10"/>
      <c r="H559" s="10" t="s">
        <v>479</v>
      </c>
      <c r="I559" s="16" t="s">
        <v>1309</v>
      </c>
      <c r="J559" s="12" t="s">
        <v>38</v>
      </c>
      <c r="K559" s="12" t="s">
        <v>721</v>
      </c>
      <c r="L559" s="16" t="s">
        <v>212</v>
      </c>
      <c r="M559" s="26">
        <v>39965</v>
      </c>
      <c r="N559" s="26"/>
      <c r="O559" s="55"/>
      <c r="P559" s="52"/>
      <c r="Q559" s="52"/>
      <c r="R559" s="49" t="s">
        <v>1764</v>
      </c>
      <c r="S559" s="49" t="s">
        <v>562</v>
      </c>
    </row>
    <row r="560" spans="1:19" s="54" customFormat="1" ht="46.5" customHeight="1" x14ac:dyDescent="0.15">
      <c r="A560" s="47" t="s">
        <v>268</v>
      </c>
      <c r="B560" s="48" t="str">
        <f>IFERROR(VLOOKUP($A560,削除禁止!$A$1:$J$42,2,0),"")</f>
        <v>地域生活支援事業</v>
      </c>
      <c r="C560" s="11">
        <v>1610100594</v>
      </c>
      <c r="D560" s="12"/>
      <c r="E560" s="12"/>
      <c r="F560" s="16" t="s">
        <v>239</v>
      </c>
      <c r="G560" s="10"/>
      <c r="H560" s="10" t="s">
        <v>147</v>
      </c>
      <c r="I560" s="16" t="s">
        <v>558</v>
      </c>
      <c r="J560" s="12" t="s">
        <v>242</v>
      </c>
      <c r="K560" s="12" t="s">
        <v>246</v>
      </c>
      <c r="L560" s="16" t="s">
        <v>212</v>
      </c>
      <c r="M560" s="26">
        <v>39965</v>
      </c>
      <c r="N560" s="26"/>
      <c r="O560" s="55"/>
      <c r="P560" s="52"/>
      <c r="Q560" s="52"/>
      <c r="R560" s="49" t="s">
        <v>1764</v>
      </c>
      <c r="S560" s="49" t="s">
        <v>1816</v>
      </c>
    </row>
    <row r="561" spans="1:19" s="54" customFormat="1" ht="46.5" customHeight="1" x14ac:dyDescent="0.15">
      <c r="A561" s="47" t="s">
        <v>268</v>
      </c>
      <c r="B561" s="48" t="str">
        <f>IFERROR(VLOOKUP($A561,削除禁止!$A$1:$J$42,2,0),"")</f>
        <v>地域生活支援事業</v>
      </c>
      <c r="C561" s="11">
        <v>1610100362</v>
      </c>
      <c r="D561" s="12"/>
      <c r="E561" s="12"/>
      <c r="F561" s="16" t="s">
        <v>227</v>
      </c>
      <c r="G561" s="10"/>
      <c r="H561" s="10" t="s">
        <v>228</v>
      </c>
      <c r="I561" s="16" t="s">
        <v>248</v>
      </c>
      <c r="J561" s="12" t="s">
        <v>232</v>
      </c>
      <c r="K561" s="12" t="s">
        <v>174</v>
      </c>
      <c r="L561" s="16" t="s">
        <v>212</v>
      </c>
      <c r="M561" s="26">
        <v>39965</v>
      </c>
      <c r="N561" s="26"/>
      <c r="O561" s="55"/>
      <c r="P561" s="52"/>
      <c r="Q561" s="52"/>
      <c r="R561" s="49" t="s">
        <v>1008</v>
      </c>
      <c r="S561" s="49" t="s">
        <v>1800</v>
      </c>
    </row>
    <row r="562" spans="1:19" s="54" customFormat="1" ht="46.5" customHeight="1" x14ac:dyDescent="0.15">
      <c r="A562" s="47" t="s">
        <v>268</v>
      </c>
      <c r="B562" s="48" t="str">
        <f>IFERROR(VLOOKUP($A562,削除禁止!$A$1:$J$42,2,0),"")</f>
        <v>地域生活支援事業</v>
      </c>
      <c r="C562" s="11">
        <v>1610100768</v>
      </c>
      <c r="D562" s="12"/>
      <c r="E562" s="12"/>
      <c r="F562" s="16" t="s">
        <v>1787</v>
      </c>
      <c r="G562" s="10"/>
      <c r="H562" s="10" t="s">
        <v>794</v>
      </c>
      <c r="I562" s="16" t="s">
        <v>259</v>
      </c>
      <c r="J562" s="12" t="s">
        <v>1491</v>
      </c>
      <c r="K562" s="12" t="s">
        <v>825</v>
      </c>
      <c r="L562" s="16" t="s">
        <v>235</v>
      </c>
      <c r="M562" s="26">
        <v>39995</v>
      </c>
      <c r="N562" s="26"/>
      <c r="O562" s="55"/>
      <c r="P562" s="52"/>
      <c r="Q562" s="52"/>
      <c r="R562" s="49" t="s">
        <v>1764</v>
      </c>
      <c r="S562" s="49" t="s">
        <v>1772</v>
      </c>
    </row>
    <row r="563" spans="1:19" s="54" customFormat="1" ht="46.5" customHeight="1" x14ac:dyDescent="0.15">
      <c r="A563" s="47" t="s">
        <v>268</v>
      </c>
      <c r="B563" s="48" t="str">
        <f>IFERROR(VLOOKUP($A563,削除禁止!$A$1:$J$42,2,0),"")</f>
        <v>地域生活支援事業</v>
      </c>
      <c r="C563" s="11">
        <v>1610200089</v>
      </c>
      <c r="D563" s="12"/>
      <c r="E563" s="12"/>
      <c r="F563" s="16" t="s">
        <v>1277</v>
      </c>
      <c r="G563" s="10"/>
      <c r="H563" s="10" t="s">
        <v>1025</v>
      </c>
      <c r="I563" s="16" t="s">
        <v>1705</v>
      </c>
      <c r="J563" s="12" t="s">
        <v>724</v>
      </c>
      <c r="K563" s="12" t="s">
        <v>1027</v>
      </c>
      <c r="L563" s="16" t="s">
        <v>1715</v>
      </c>
      <c r="M563" s="26">
        <v>40026</v>
      </c>
      <c r="N563" s="26"/>
      <c r="O563" s="55"/>
      <c r="P563" s="52"/>
      <c r="Q563" s="52"/>
      <c r="R563" s="49" t="s">
        <v>1764</v>
      </c>
      <c r="S563" s="49" t="s">
        <v>1815</v>
      </c>
    </row>
    <row r="564" spans="1:19" s="54" customFormat="1" ht="46.5" customHeight="1" x14ac:dyDescent="0.15">
      <c r="A564" s="47" t="s">
        <v>268</v>
      </c>
      <c r="B564" s="48" t="str">
        <f>IFERROR(VLOOKUP($A564,削除禁止!$A$1:$J$42,2,0),"")</f>
        <v>地域生活支援事業</v>
      </c>
      <c r="C564" s="11">
        <v>1610100321</v>
      </c>
      <c r="D564" s="12"/>
      <c r="E564" s="12"/>
      <c r="F564" s="16" t="s">
        <v>206</v>
      </c>
      <c r="G564" s="10"/>
      <c r="H564" s="10" t="s">
        <v>743</v>
      </c>
      <c r="I564" s="16" t="s">
        <v>464</v>
      </c>
      <c r="J564" s="12" t="s">
        <v>160</v>
      </c>
      <c r="K564" s="12" t="s">
        <v>209</v>
      </c>
      <c r="L564" s="16" t="s">
        <v>198</v>
      </c>
      <c r="M564" s="26">
        <v>40695</v>
      </c>
      <c r="N564" s="26"/>
      <c r="O564" s="55"/>
      <c r="P564" s="52"/>
      <c r="Q564" s="52"/>
      <c r="R564" s="49" t="s">
        <v>1764</v>
      </c>
      <c r="S564" s="49" t="s">
        <v>1775</v>
      </c>
    </row>
    <row r="565" spans="1:19" s="54" customFormat="1" ht="46.5" customHeight="1" x14ac:dyDescent="0.15">
      <c r="A565" s="47" t="s">
        <v>268</v>
      </c>
      <c r="B565" s="48" t="str">
        <f>IFERROR(VLOOKUP($A565,削除禁止!$A$1:$J$42,2,0),"")</f>
        <v>地域生活支援事業</v>
      </c>
      <c r="C565" s="11">
        <v>1610101063</v>
      </c>
      <c r="D565" s="12"/>
      <c r="E565" s="12"/>
      <c r="F565" s="16" t="s">
        <v>81</v>
      </c>
      <c r="G565" s="10"/>
      <c r="H565" s="10" t="s">
        <v>71</v>
      </c>
      <c r="I565" s="16" t="s">
        <v>25</v>
      </c>
      <c r="J565" s="10" t="s">
        <v>83</v>
      </c>
      <c r="K565" s="12" t="s">
        <v>1490</v>
      </c>
      <c r="L565" s="16" t="s">
        <v>61</v>
      </c>
      <c r="M565" s="26">
        <v>40756</v>
      </c>
      <c r="N565" s="26"/>
      <c r="O565" s="55"/>
      <c r="P565" s="52"/>
      <c r="Q565" s="52"/>
      <c r="R565" s="49" t="s">
        <v>1764</v>
      </c>
      <c r="S565" s="49" t="s">
        <v>1818</v>
      </c>
    </row>
    <row r="566" spans="1:19" s="54" customFormat="1" ht="46.5" customHeight="1" x14ac:dyDescent="0.15">
      <c r="A566" s="47" t="s">
        <v>268</v>
      </c>
      <c r="B566" s="48" t="str">
        <f>IFERROR(VLOOKUP($A566,削除禁止!$A$1:$J$42,2,0),"")</f>
        <v>地域生活支援事業</v>
      </c>
      <c r="C566" s="11">
        <v>1610101006</v>
      </c>
      <c r="D566" s="12"/>
      <c r="E566" s="12"/>
      <c r="F566" s="16" t="s">
        <v>4</v>
      </c>
      <c r="G566" s="10"/>
      <c r="H566" s="10" t="s">
        <v>36</v>
      </c>
      <c r="I566" s="16" t="s">
        <v>1314</v>
      </c>
      <c r="J566" s="10" t="s">
        <v>48</v>
      </c>
      <c r="K566" s="10" t="s">
        <v>58</v>
      </c>
      <c r="L566" s="16" t="s">
        <v>31</v>
      </c>
      <c r="M566" s="26">
        <v>41487</v>
      </c>
      <c r="N566" s="26"/>
      <c r="O566" s="55"/>
      <c r="P566" s="52"/>
      <c r="Q566" s="52"/>
      <c r="R566" s="49" t="s">
        <v>1764</v>
      </c>
      <c r="S566" s="49" t="s">
        <v>1816</v>
      </c>
    </row>
    <row r="567" spans="1:19" s="54" customFormat="1" ht="46.5" customHeight="1" x14ac:dyDescent="0.15">
      <c r="A567" s="47" t="s">
        <v>268</v>
      </c>
      <c r="B567" s="48" t="str">
        <f>IFERROR(VLOOKUP($A567,削除禁止!$A$1:$J$42,2,0),"")</f>
        <v>地域生活支援事業</v>
      </c>
      <c r="C567" s="11">
        <v>1610101386</v>
      </c>
      <c r="D567" s="12"/>
      <c r="E567" s="12"/>
      <c r="F567" s="16" t="s">
        <v>940</v>
      </c>
      <c r="G567" s="10"/>
      <c r="H567" s="10" t="s">
        <v>659</v>
      </c>
      <c r="I567" s="16" t="s">
        <v>1318</v>
      </c>
      <c r="J567" s="12" t="s">
        <v>849</v>
      </c>
      <c r="K567" s="12" t="s">
        <v>722</v>
      </c>
      <c r="L567" s="16" t="s">
        <v>921</v>
      </c>
      <c r="M567" s="26">
        <v>41671</v>
      </c>
      <c r="N567" s="26"/>
      <c r="O567" s="55"/>
      <c r="P567" s="52"/>
      <c r="Q567" s="52"/>
      <c r="R567" s="49" t="s">
        <v>1764</v>
      </c>
      <c r="S567" s="49" t="s">
        <v>1819</v>
      </c>
    </row>
    <row r="568" spans="1:19" s="54" customFormat="1" ht="46.5" customHeight="1" x14ac:dyDescent="0.15">
      <c r="A568" s="47" t="s">
        <v>268</v>
      </c>
      <c r="B568" s="48" t="str">
        <f>IFERROR(VLOOKUP($A568,削除禁止!$A$1:$J$42,2,0),"")</f>
        <v>地域生活支援事業</v>
      </c>
      <c r="C568" s="11">
        <v>1610101477</v>
      </c>
      <c r="D568" s="12"/>
      <c r="E568" s="12"/>
      <c r="F568" s="16" t="s">
        <v>1202</v>
      </c>
      <c r="G568" s="10"/>
      <c r="H568" s="10" t="s">
        <v>758</v>
      </c>
      <c r="I568" s="16" t="s">
        <v>718</v>
      </c>
      <c r="J568" s="12" t="s">
        <v>393</v>
      </c>
      <c r="K568" s="12" t="s">
        <v>1409</v>
      </c>
      <c r="L568" s="16" t="s">
        <v>1161</v>
      </c>
      <c r="M568" s="26">
        <v>41791</v>
      </c>
      <c r="N568" s="26"/>
      <c r="O568" s="55"/>
      <c r="P568" s="52"/>
      <c r="Q568" s="52"/>
      <c r="R568" s="49" t="s">
        <v>1764</v>
      </c>
      <c r="S568" s="49" t="s">
        <v>1775</v>
      </c>
    </row>
    <row r="569" spans="1:19" s="54" customFormat="1" ht="46.5" customHeight="1" x14ac:dyDescent="0.15">
      <c r="A569" s="47" t="s">
        <v>268</v>
      </c>
      <c r="B569" s="48" t="str">
        <f>IFERROR(VLOOKUP($A569,削除禁止!$A$1:$J$42,2,0),"")</f>
        <v>地域生活支援事業</v>
      </c>
      <c r="C569" s="11">
        <v>1610101246</v>
      </c>
      <c r="D569" s="12"/>
      <c r="E569" s="12"/>
      <c r="F569" s="16" t="s">
        <v>623</v>
      </c>
      <c r="G569" s="10"/>
      <c r="H569" s="10" t="s">
        <v>266</v>
      </c>
      <c r="I569" s="16" t="s">
        <v>1317</v>
      </c>
      <c r="J569" s="10" t="s">
        <v>432</v>
      </c>
      <c r="K569" s="10" t="s">
        <v>657</v>
      </c>
      <c r="L569" s="16" t="s">
        <v>1167</v>
      </c>
      <c r="M569" s="26">
        <v>41852</v>
      </c>
      <c r="N569" s="26"/>
      <c r="O569" s="55"/>
      <c r="P569" s="52"/>
      <c r="Q569" s="52"/>
      <c r="R569" s="49" t="s">
        <v>1764</v>
      </c>
      <c r="S569" s="49" t="s">
        <v>1772</v>
      </c>
    </row>
    <row r="570" spans="1:19" s="54" customFormat="1" ht="46.5" customHeight="1" x14ac:dyDescent="0.15">
      <c r="A570" s="47" t="s">
        <v>268</v>
      </c>
      <c r="B570" s="48" t="str">
        <f>IFERROR(VLOOKUP($A570,削除禁止!$A$1:$J$42,2,0),"")</f>
        <v>地域生活支援事業</v>
      </c>
      <c r="C570" s="11">
        <v>1610101667</v>
      </c>
      <c r="D570" s="12"/>
      <c r="E570" s="12"/>
      <c r="F570" s="16" t="s">
        <v>560</v>
      </c>
      <c r="G570" s="10"/>
      <c r="H570" s="10" t="s">
        <v>454</v>
      </c>
      <c r="I570" s="16" t="s">
        <v>920</v>
      </c>
      <c r="J570" s="12" t="s">
        <v>752</v>
      </c>
      <c r="K570" s="12" t="s">
        <v>781</v>
      </c>
      <c r="L570" s="16" t="s">
        <v>1126</v>
      </c>
      <c r="M570" s="26">
        <v>42095</v>
      </c>
      <c r="N570" s="26"/>
      <c r="O570" s="55"/>
      <c r="P570" s="52"/>
      <c r="Q570" s="52"/>
      <c r="R570" s="49" t="s">
        <v>1764</v>
      </c>
      <c r="S570" s="49" t="s">
        <v>1784</v>
      </c>
    </row>
    <row r="571" spans="1:19" s="54" customFormat="1" ht="46.5" customHeight="1" x14ac:dyDescent="0.15">
      <c r="A571" s="47" t="s">
        <v>268</v>
      </c>
      <c r="B571" s="48" t="str">
        <f>IFERROR(VLOOKUP($A571,削除禁止!$A$1:$J$42,2,0),"")</f>
        <v>地域生活支援事業</v>
      </c>
      <c r="C571" s="11">
        <v>1610101675</v>
      </c>
      <c r="D571" s="12"/>
      <c r="E571" s="12"/>
      <c r="F571" s="16" t="s">
        <v>1195</v>
      </c>
      <c r="G571" s="10"/>
      <c r="H571" s="10" t="s">
        <v>123</v>
      </c>
      <c r="I571" s="16" t="s">
        <v>664</v>
      </c>
      <c r="J571" s="10" t="s">
        <v>30</v>
      </c>
      <c r="K571" s="10" t="s">
        <v>30</v>
      </c>
      <c r="L571" s="16" t="s">
        <v>909</v>
      </c>
      <c r="M571" s="26">
        <v>42095</v>
      </c>
      <c r="N571" s="26"/>
      <c r="O571" s="55"/>
      <c r="P571" s="52"/>
      <c r="Q571" s="52"/>
      <c r="R571" s="49" t="s">
        <v>1764</v>
      </c>
      <c r="S571" s="49" t="s">
        <v>1819</v>
      </c>
    </row>
    <row r="572" spans="1:19" s="54" customFormat="1" ht="46.5" customHeight="1" x14ac:dyDescent="0.15">
      <c r="A572" s="47" t="s">
        <v>268</v>
      </c>
      <c r="B572" s="48" t="str">
        <f>IFERROR(VLOOKUP($A572,削除禁止!$A$1:$J$42,2,0),"")</f>
        <v>地域生活支援事業</v>
      </c>
      <c r="C572" s="11">
        <v>1610101824</v>
      </c>
      <c r="D572" s="12"/>
      <c r="E572" s="12"/>
      <c r="F572" s="16" t="s">
        <v>1178</v>
      </c>
      <c r="G572" s="10"/>
      <c r="H572" s="10" t="s">
        <v>783</v>
      </c>
      <c r="I572" s="16" t="s">
        <v>1134</v>
      </c>
      <c r="J572" s="65" t="s">
        <v>196</v>
      </c>
      <c r="K572" s="65" t="s">
        <v>373</v>
      </c>
      <c r="L572" s="16" t="s">
        <v>841</v>
      </c>
      <c r="M572" s="26">
        <v>42979</v>
      </c>
      <c r="N572" s="26"/>
      <c r="O572" s="55"/>
      <c r="P572" s="52"/>
      <c r="Q572" s="52"/>
      <c r="R572" s="49" t="s">
        <v>1764</v>
      </c>
      <c r="S572" s="49" t="s">
        <v>1827</v>
      </c>
    </row>
    <row r="573" spans="1:19" s="54" customFormat="1" ht="46.5" customHeight="1" x14ac:dyDescent="0.15">
      <c r="A573" s="47" t="s">
        <v>268</v>
      </c>
      <c r="B573" s="48" t="str">
        <f>IFERROR(VLOOKUP($A573,削除禁止!$A$1:$J$42,2,0),"")</f>
        <v>地域生活支援事業</v>
      </c>
      <c r="C573" s="11">
        <v>1610100867</v>
      </c>
      <c r="D573" s="12"/>
      <c r="E573" s="12"/>
      <c r="F573" s="16" t="s">
        <v>328</v>
      </c>
      <c r="G573" s="10"/>
      <c r="H573" s="10" t="s">
        <v>258</v>
      </c>
      <c r="I573" s="51" t="s">
        <v>663</v>
      </c>
      <c r="J573" s="12" t="s">
        <v>296</v>
      </c>
      <c r="K573" s="12" t="s">
        <v>616</v>
      </c>
      <c r="L573" s="16" t="s">
        <v>482</v>
      </c>
      <c r="M573" s="26">
        <v>43435</v>
      </c>
      <c r="N573" s="26"/>
      <c r="O573" s="55"/>
      <c r="P573" s="52"/>
      <c r="Q573" s="52"/>
      <c r="R573" s="49" t="s">
        <v>1764</v>
      </c>
      <c r="S573" s="49" t="s">
        <v>1816</v>
      </c>
    </row>
    <row r="574" spans="1:19" s="54" customFormat="1" ht="46.5" customHeight="1" x14ac:dyDescent="0.15">
      <c r="A574" s="47" t="s">
        <v>268</v>
      </c>
      <c r="B574" s="48" t="str">
        <f>IFERROR(VLOOKUP($A574,削除禁止!$A$1:$J$42,2,0),"")</f>
        <v>地域生活支援事業</v>
      </c>
      <c r="C574" s="11">
        <v>1610102368</v>
      </c>
      <c r="D574" s="12"/>
      <c r="E574" s="12"/>
      <c r="F574" s="16" t="s">
        <v>1010</v>
      </c>
      <c r="G574" s="10"/>
      <c r="H574" s="10" t="s">
        <v>189</v>
      </c>
      <c r="I574" s="16" t="s">
        <v>1320</v>
      </c>
      <c r="J574" s="65" t="s">
        <v>852</v>
      </c>
      <c r="K574" s="65" t="s">
        <v>755</v>
      </c>
      <c r="L574" s="16" t="s">
        <v>351</v>
      </c>
      <c r="M574" s="26">
        <v>43556</v>
      </c>
      <c r="N574" s="26"/>
      <c r="O574" s="55"/>
      <c r="P574" s="52"/>
      <c r="Q574" s="52"/>
      <c r="R574" s="49" t="s">
        <v>1764</v>
      </c>
      <c r="S574" s="49" t="s">
        <v>1822</v>
      </c>
    </row>
    <row r="575" spans="1:19" s="54" customFormat="1" ht="46.5" customHeight="1" x14ac:dyDescent="0.15">
      <c r="A575" s="47" t="s">
        <v>268</v>
      </c>
      <c r="B575" s="48" t="str">
        <f>IFERROR(VLOOKUP($A575,削除禁止!$A$1:$J$42,2,0),"")</f>
        <v>地域生活支援事業</v>
      </c>
      <c r="C575" s="11">
        <v>1610102400</v>
      </c>
      <c r="D575" s="12"/>
      <c r="E575" s="12"/>
      <c r="F575" s="16" t="s">
        <v>772</v>
      </c>
      <c r="G575" s="10"/>
      <c r="H575" s="10" t="s">
        <v>873</v>
      </c>
      <c r="I575" s="16" t="s">
        <v>1321</v>
      </c>
      <c r="J575" s="65" t="s">
        <v>875</v>
      </c>
      <c r="K575" s="65" t="s">
        <v>878</v>
      </c>
      <c r="L575" s="16" t="s">
        <v>1343</v>
      </c>
      <c r="M575" s="26">
        <v>43891</v>
      </c>
      <c r="N575" s="26"/>
      <c r="O575" s="55"/>
      <c r="P575" s="52"/>
      <c r="Q575" s="52"/>
      <c r="R575" s="49" t="s">
        <v>1786</v>
      </c>
      <c r="S575" s="49" t="s">
        <v>1770</v>
      </c>
    </row>
    <row r="576" spans="1:19" s="54" customFormat="1" ht="46.5" customHeight="1" x14ac:dyDescent="0.15">
      <c r="A576" s="47" t="s">
        <v>268</v>
      </c>
      <c r="B576" s="48" t="str">
        <f>IFERROR(VLOOKUP($A576,削除禁止!$A$1:$J$42,2,0),"")</f>
        <v>地域生活支援事業</v>
      </c>
      <c r="C576" s="11">
        <v>1610102434</v>
      </c>
      <c r="D576" s="12"/>
      <c r="E576" s="12"/>
      <c r="F576" s="16" t="s">
        <v>1280</v>
      </c>
      <c r="G576" s="10"/>
      <c r="H576" s="10" t="s">
        <v>53</v>
      </c>
      <c r="I576" s="16" t="s">
        <v>1323</v>
      </c>
      <c r="J576" s="65" t="s">
        <v>416</v>
      </c>
      <c r="K576" s="65" t="s">
        <v>204</v>
      </c>
      <c r="L576" s="16" t="s">
        <v>212</v>
      </c>
      <c r="M576" s="26">
        <v>44166</v>
      </c>
      <c r="N576" s="26"/>
      <c r="O576" s="55"/>
      <c r="P576" s="52"/>
      <c r="Q576" s="52"/>
      <c r="R576" s="49" t="s">
        <v>1764</v>
      </c>
      <c r="S576" s="49" t="s">
        <v>1704</v>
      </c>
    </row>
    <row r="577" spans="1:19" s="54" customFormat="1" ht="46.5" customHeight="1" x14ac:dyDescent="0.15">
      <c r="A577" s="47" t="s">
        <v>268</v>
      </c>
      <c r="B577" s="48" t="str">
        <f>IFERROR(VLOOKUP($A577,削除禁止!$A$1:$J$42,2,0),"")</f>
        <v>地域生活支援事業</v>
      </c>
      <c r="C577" s="11">
        <v>1610102590</v>
      </c>
      <c r="D577" s="12"/>
      <c r="E577" s="12"/>
      <c r="F577" s="16" t="s">
        <v>1220</v>
      </c>
      <c r="G577" s="10"/>
      <c r="H577" s="10" t="s">
        <v>1438</v>
      </c>
      <c r="I577" s="16" t="s">
        <v>1055</v>
      </c>
      <c r="J577" s="65" t="s">
        <v>1050</v>
      </c>
      <c r="K577" s="65" t="s">
        <v>1074</v>
      </c>
      <c r="L577" s="16" t="s">
        <v>1401</v>
      </c>
      <c r="M577" s="26">
        <v>44228</v>
      </c>
      <c r="N577" s="26"/>
      <c r="O577" s="55"/>
      <c r="P577" s="52"/>
      <c r="Q577" s="52"/>
      <c r="R577" s="49" t="s">
        <v>1764</v>
      </c>
      <c r="S577" s="49" t="s">
        <v>1527</v>
      </c>
    </row>
    <row r="578" spans="1:19" s="54" customFormat="1" ht="46.5" customHeight="1" x14ac:dyDescent="0.15">
      <c r="A578" s="47" t="s">
        <v>268</v>
      </c>
      <c r="B578" s="48" t="str">
        <f>IFERROR(VLOOKUP($A578,削除禁止!$A$1:$J$42,2,0),"")</f>
        <v>地域生活支援事業</v>
      </c>
      <c r="C578" s="11">
        <v>1610101881</v>
      </c>
      <c r="D578" s="12"/>
      <c r="E578" s="12"/>
      <c r="F578" s="16" t="s">
        <v>344</v>
      </c>
      <c r="G578" s="10"/>
      <c r="H578" s="10" t="s">
        <v>381</v>
      </c>
      <c r="I578" s="16" t="s">
        <v>1155</v>
      </c>
      <c r="J578" s="65" t="s">
        <v>350</v>
      </c>
      <c r="K578" s="65" t="s">
        <v>350</v>
      </c>
      <c r="L578" s="16" t="s">
        <v>1156</v>
      </c>
      <c r="M578" s="26">
        <v>44348</v>
      </c>
      <c r="N578" s="26"/>
      <c r="O578" s="55"/>
      <c r="P578" s="52"/>
      <c r="Q578" s="52"/>
      <c r="R578" s="49" t="s">
        <v>1764</v>
      </c>
      <c r="S578" s="49" t="s">
        <v>1817</v>
      </c>
    </row>
    <row r="579" spans="1:19" s="54" customFormat="1" ht="46.5" customHeight="1" x14ac:dyDescent="0.15">
      <c r="A579" s="47" t="s">
        <v>268</v>
      </c>
      <c r="B579" s="48" t="str">
        <f>IFERROR(VLOOKUP($A579,削除禁止!$A$1:$J$42,2,0),"")</f>
        <v>地域生活支援事業</v>
      </c>
      <c r="C579" s="11">
        <v>2810903498</v>
      </c>
      <c r="D579" s="12"/>
      <c r="E579" s="12"/>
      <c r="F579" s="16" t="s">
        <v>1746</v>
      </c>
      <c r="G579" s="10"/>
      <c r="H579" s="10" t="s">
        <v>200</v>
      </c>
      <c r="I579" s="16" t="s">
        <v>1214</v>
      </c>
      <c r="J579" s="65" t="s">
        <v>595</v>
      </c>
      <c r="K579" s="65" t="s">
        <v>1467</v>
      </c>
      <c r="L579" s="16" t="s">
        <v>1716</v>
      </c>
      <c r="M579" s="26">
        <v>44501</v>
      </c>
      <c r="N579" s="26"/>
      <c r="O579" s="55"/>
      <c r="P579" s="52"/>
      <c r="Q579" s="52"/>
      <c r="R579" s="49" t="s">
        <v>1840</v>
      </c>
      <c r="S579" s="49" t="s">
        <v>1840</v>
      </c>
    </row>
    <row r="580" spans="1:19" s="54" customFormat="1" ht="46.5" customHeight="1" x14ac:dyDescent="0.15">
      <c r="A580" s="47" t="s">
        <v>1529</v>
      </c>
      <c r="B580" s="48" t="str">
        <f>IFERROR(VLOOKUP($A580,削除禁止!$A$1:$J$42,2,0),"")</f>
        <v>地域生活支援事業</v>
      </c>
      <c r="C580" s="11">
        <v>1610100149</v>
      </c>
      <c r="D580" s="12"/>
      <c r="E580" s="12"/>
      <c r="F580" s="55" t="s">
        <v>1096</v>
      </c>
      <c r="G580" s="11"/>
      <c r="H580" s="10" t="s">
        <v>1541</v>
      </c>
      <c r="I580" s="16" t="s">
        <v>1330</v>
      </c>
      <c r="J580" s="11" t="s">
        <v>267</v>
      </c>
      <c r="K580" s="12" t="s">
        <v>276</v>
      </c>
      <c r="L580" s="55" t="s">
        <v>279</v>
      </c>
      <c r="M580" s="26">
        <v>38991</v>
      </c>
      <c r="N580" s="56"/>
      <c r="O580" s="52"/>
      <c r="P580" s="52"/>
      <c r="Q580" s="52"/>
      <c r="R580" s="49" t="s">
        <v>1808</v>
      </c>
      <c r="S580" s="49" t="s">
        <v>1767</v>
      </c>
    </row>
    <row r="581" spans="1:19" s="54" customFormat="1" ht="46.5" customHeight="1" x14ac:dyDescent="0.15">
      <c r="A581" s="47" t="s">
        <v>1529</v>
      </c>
      <c r="B581" s="48" t="str">
        <f>IFERROR(VLOOKUP($A581,削除禁止!$A$1:$J$42,2,0),"")</f>
        <v>地域生活支援事業</v>
      </c>
      <c r="C581" s="11">
        <v>1610100172</v>
      </c>
      <c r="D581" s="12"/>
      <c r="E581" s="12"/>
      <c r="F581" s="55" t="s">
        <v>1251</v>
      </c>
      <c r="G581" s="11"/>
      <c r="H581" s="10" t="s">
        <v>1541</v>
      </c>
      <c r="I581" s="16" t="s">
        <v>1330</v>
      </c>
      <c r="J581" s="11" t="s">
        <v>267</v>
      </c>
      <c r="K581" s="12" t="s">
        <v>276</v>
      </c>
      <c r="L581" s="55" t="s">
        <v>279</v>
      </c>
      <c r="M581" s="26">
        <v>38991</v>
      </c>
      <c r="N581" s="56"/>
      <c r="O581" s="52"/>
      <c r="P581" s="52"/>
      <c r="Q581" s="52"/>
      <c r="R581" s="49" t="s">
        <v>1808</v>
      </c>
      <c r="S581" s="49" t="s">
        <v>1767</v>
      </c>
    </row>
    <row r="582" spans="1:19" s="54" customFormat="1" ht="46.5" customHeight="1" x14ac:dyDescent="0.15">
      <c r="A582" s="47" t="s">
        <v>1529</v>
      </c>
      <c r="B582" s="48" t="str">
        <f>IFERROR(VLOOKUP($A582,削除禁止!$A$1:$J$42,2,0),"")</f>
        <v>地域生活支援事業</v>
      </c>
      <c r="C582" s="11">
        <v>1610100081</v>
      </c>
      <c r="D582" s="12"/>
      <c r="E582" s="12"/>
      <c r="F582" s="55" t="s">
        <v>880</v>
      </c>
      <c r="G582" s="11"/>
      <c r="H582" s="10" t="s">
        <v>1541</v>
      </c>
      <c r="I582" s="16" t="s">
        <v>1330</v>
      </c>
      <c r="J582" s="11" t="s">
        <v>267</v>
      </c>
      <c r="K582" s="12" t="s">
        <v>276</v>
      </c>
      <c r="L582" s="55" t="s">
        <v>279</v>
      </c>
      <c r="M582" s="26">
        <v>38991</v>
      </c>
      <c r="N582" s="56"/>
      <c r="O582" s="52"/>
      <c r="P582" s="52"/>
      <c r="Q582" s="52"/>
      <c r="R582" s="49" t="s">
        <v>1808</v>
      </c>
      <c r="S582" s="49" t="s">
        <v>1767</v>
      </c>
    </row>
    <row r="583" spans="1:19" s="54" customFormat="1" ht="46.5" customHeight="1" x14ac:dyDescent="0.15">
      <c r="A583" s="47" t="s">
        <v>1529</v>
      </c>
      <c r="B583" s="48" t="str">
        <f>IFERROR(VLOOKUP($A583,削除禁止!$A$1:$J$42,2,0),"")</f>
        <v>地域生活支援事業</v>
      </c>
      <c r="C583" s="11">
        <v>1610100107</v>
      </c>
      <c r="D583" s="12"/>
      <c r="E583" s="12"/>
      <c r="F583" s="55" t="s">
        <v>1281</v>
      </c>
      <c r="G583" s="11"/>
      <c r="H583" s="10" t="s">
        <v>1541</v>
      </c>
      <c r="I583" s="16" t="s">
        <v>1330</v>
      </c>
      <c r="J583" s="11" t="s">
        <v>267</v>
      </c>
      <c r="K583" s="12" t="s">
        <v>276</v>
      </c>
      <c r="L583" s="55" t="s">
        <v>279</v>
      </c>
      <c r="M583" s="26">
        <v>38991</v>
      </c>
      <c r="N583" s="56"/>
      <c r="O583" s="52"/>
      <c r="P583" s="52"/>
      <c r="Q583" s="52"/>
      <c r="R583" s="49" t="s">
        <v>1808</v>
      </c>
      <c r="S583" s="49" t="s">
        <v>1767</v>
      </c>
    </row>
    <row r="584" spans="1:19" s="54" customFormat="1" ht="46.5" customHeight="1" x14ac:dyDescent="0.15">
      <c r="A584" s="47" t="s">
        <v>1529</v>
      </c>
      <c r="B584" s="48" t="str">
        <f>IFERROR(VLOOKUP($A584,削除禁止!$A$1:$J$42,2,0),"")</f>
        <v>地域生活支援事業</v>
      </c>
      <c r="C584" s="11">
        <v>1610100099</v>
      </c>
      <c r="D584" s="12"/>
      <c r="E584" s="12"/>
      <c r="F584" s="55" t="s">
        <v>1284</v>
      </c>
      <c r="G584" s="11"/>
      <c r="H584" s="10" t="s">
        <v>1541</v>
      </c>
      <c r="I584" s="16" t="s">
        <v>1330</v>
      </c>
      <c r="J584" s="11" t="s">
        <v>267</v>
      </c>
      <c r="K584" s="12" t="s">
        <v>276</v>
      </c>
      <c r="L584" s="55" t="s">
        <v>279</v>
      </c>
      <c r="M584" s="26">
        <v>38991</v>
      </c>
      <c r="N584" s="56"/>
      <c r="O584" s="52"/>
      <c r="P584" s="52"/>
      <c r="Q584" s="52"/>
      <c r="R584" s="49" t="s">
        <v>1808</v>
      </c>
      <c r="S584" s="49" t="s">
        <v>1767</v>
      </c>
    </row>
    <row r="585" spans="1:19" s="54" customFormat="1" ht="46.5" customHeight="1" x14ac:dyDescent="0.15">
      <c r="A585" s="47" t="s">
        <v>1529</v>
      </c>
      <c r="B585" s="48" t="str">
        <f>IFERROR(VLOOKUP($A585,削除禁止!$A$1:$J$42,2,0),"")</f>
        <v>地域生活支援事業</v>
      </c>
      <c r="C585" s="11">
        <v>1610100131</v>
      </c>
      <c r="D585" s="12"/>
      <c r="E585" s="12"/>
      <c r="F585" s="55" t="s">
        <v>591</v>
      </c>
      <c r="G585" s="11"/>
      <c r="H585" s="11" t="s">
        <v>123</v>
      </c>
      <c r="I585" s="16" t="s">
        <v>1002</v>
      </c>
      <c r="J585" s="11" t="s">
        <v>594</v>
      </c>
      <c r="K585" s="23" t="s">
        <v>598</v>
      </c>
      <c r="L585" s="55" t="s">
        <v>452</v>
      </c>
      <c r="M585" s="26">
        <v>38991</v>
      </c>
      <c r="N585" s="56"/>
      <c r="O585" s="52"/>
      <c r="P585" s="52"/>
      <c r="Q585" s="52"/>
      <c r="R585" s="49" t="s">
        <v>1764</v>
      </c>
      <c r="S585" s="49" t="s">
        <v>1819</v>
      </c>
    </row>
    <row r="586" spans="1:19" s="54" customFormat="1" ht="46.5" customHeight="1" x14ac:dyDescent="0.15">
      <c r="A586" s="47" t="s">
        <v>1529</v>
      </c>
      <c r="B586" s="48" t="str">
        <f>IFERROR(VLOOKUP($A586,削除禁止!$A$1:$J$42,2,0),"")</f>
        <v>地域生活支援事業</v>
      </c>
      <c r="C586" s="11">
        <v>1610100602</v>
      </c>
      <c r="D586" s="12"/>
      <c r="E586" s="12"/>
      <c r="F586" s="55" t="s">
        <v>600</v>
      </c>
      <c r="G586" s="11"/>
      <c r="H586" s="11" t="s">
        <v>123</v>
      </c>
      <c r="I586" s="16" t="s">
        <v>1002</v>
      </c>
      <c r="J586" s="11" t="s">
        <v>594</v>
      </c>
      <c r="K586" s="23" t="s">
        <v>598</v>
      </c>
      <c r="L586" s="55" t="s">
        <v>452</v>
      </c>
      <c r="M586" s="26">
        <v>38991</v>
      </c>
      <c r="N586" s="56"/>
      <c r="O586" s="52"/>
      <c r="P586" s="52"/>
      <c r="Q586" s="52"/>
      <c r="R586" s="49" t="s">
        <v>1764</v>
      </c>
      <c r="S586" s="49" t="s">
        <v>1819</v>
      </c>
    </row>
    <row r="587" spans="1:19" s="54" customFormat="1" ht="46.5" customHeight="1" x14ac:dyDescent="0.15">
      <c r="A587" s="47" t="s">
        <v>1529</v>
      </c>
      <c r="B587" s="48" t="str">
        <f>IFERROR(VLOOKUP($A587,削除禁止!$A$1:$J$42,2,0),"")</f>
        <v>地域生活支援事業</v>
      </c>
      <c r="C587" s="11">
        <v>1611900018</v>
      </c>
      <c r="D587" s="12"/>
      <c r="E587" s="12"/>
      <c r="F587" s="55" t="s">
        <v>1285</v>
      </c>
      <c r="G587" s="11"/>
      <c r="H587" s="11" t="s">
        <v>254</v>
      </c>
      <c r="I587" s="55" t="s">
        <v>1706</v>
      </c>
      <c r="J587" s="11" t="s">
        <v>944</v>
      </c>
      <c r="K587" s="23" t="s">
        <v>1029</v>
      </c>
      <c r="L587" s="55" t="s">
        <v>1420</v>
      </c>
      <c r="M587" s="26">
        <v>38991</v>
      </c>
      <c r="N587" s="56"/>
      <c r="O587" s="52"/>
      <c r="P587" s="52"/>
      <c r="Q587" s="52"/>
      <c r="R587" s="49" t="s">
        <v>1840</v>
      </c>
      <c r="S587" s="49" t="s">
        <v>1840</v>
      </c>
    </row>
    <row r="588" spans="1:19" s="54" customFormat="1" ht="46.5" customHeight="1" x14ac:dyDescent="0.15">
      <c r="A588" s="47" t="s">
        <v>1529</v>
      </c>
      <c r="B588" s="48" t="str">
        <f>IFERROR(VLOOKUP($A588,削除禁止!$A$1:$J$42,2,0),"")</f>
        <v>地域生活支援事業</v>
      </c>
      <c r="C588" s="11">
        <v>1610100529</v>
      </c>
      <c r="D588" s="12"/>
      <c r="E588" s="12"/>
      <c r="F588" s="55" t="s">
        <v>309</v>
      </c>
      <c r="G588" s="11"/>
      <c r="H588" s="11" t="s">
        <v>302</v>
      </c>
      <c r="I588" s="16" t="s">
        <v>1333</v>
      </c>
      <c r="J588" s="11" t="s">
        <v>303</v>
      </c>
      <c r="K588" s="23" t="s">
        <v>305</v>
      </c>
      <c r="L588" s="55" t="s">
        <v>453</v>
      </c>
      <c r="M588" s="26">
        <v>38991</v>
      </c>
      <c r="N588" s="56"/>
      <c r="O588" s="52"/>
      <c r="P588" s="52"/>
      <c r="Q588" s="52"/>
      <c r="R588" s="49" t="s">
        <v>1808</v>
      </c>
      <c r="S588" s="49" t="s">
        <v>1832</v>
      </c>
    </row>
    <row r="589" spans="1:19" s="54" customFormat="1" ht="46.5" customHeight="1" x14ac:dyDescent="0.15">
      <c r="A589" s="47" t="s">
        <v>1529</v>
      </c>
      <c r="B589" s="48" t="str">
        <f>IFERROR(VLOOKUP($A589,削除禁止!$A$1:$J$42,2,0),"")</f>
        <v>地域生活支援事業</v>
      </c>
      <c r="C589" s="11">
        <v>1690100001</v>
      </c>
      <c r="D589" s="12"/>
      <c r="E589" s="12"/>
      <c r="F589" s="55" t="s">
        <v>1213</v>
      </c>
      <c r="G589" s="11"/>
      <c r="H589" s="11" t="s">
        <v>466</v>
      </c>
      <c r="I589" s="16" t="s">
        <v>1334</v>
      </c>
      <c r="J589" s="10" t="s">
        <v>1498</v>
      </c>
      <c r="K589" s="10" t="s">
        <v>1289</v>
      </c>
      <c r="L589" s="55" t="s">
        <v>458</v>
      </c>
      <c r="M589" s="26">
        <v>38991</v>
      </c>
      <c r="N589" s="56"/>
      <c r="O589" s="52"/>
      <c r="P589" s="52"/>
      <c r="Q589" s="52"/>
      <c r="R589" s="49" t="s">
        <v>1764</v>
      </c>
      <c r="S589" s="49" t="s">
        <v>366</v>
      </c>
    </row>
    <row r="590" spans="1:19" s="54" customFormat="1" ht="46.5" customHeight="1" x14ac:dyDescent="0.15">
      <c r="A590" s="47" t="s">
        <v>1529</v>
      </c>
      <c r="B590" s="48" t="str">
        <f>IFERROR(VLOOKUP($A590,削除禁止!$A$1:$J$42,2,0),"")</f>
        <v>地域生活支援事業</v>
      </c>
      <c r="C590" s="11">
        <v>1611600014</v>
      </c>
      <c r="D590" s="12"/>
      <c r="E590" s="12"/>
      <c r="F590" s="55" t="s">
        <v>1286</v>
      </c>
      <c r="G590" s="11"/>
      <c r="H590" s="11" t="s">
        <v>1033</v>
      </c>
      <c r="I590" s="55" t="s">
        <v>1603</v>
      </c>
      <c r="J590" s="11" t="s">
        <v>1223</v>
      </c>
      <c r="K590" s="23" t="s">
        <v>524</v>
      </c>
      <c r="L590" s="55" t="s">
        <v>719</v>
      </c>
      <c r="M590" s="26">
        <v>38991</v>
      </c>
      <c r="N590" s="56"/>
      <c r="O590" s="52"/>
      <c r="P590" s="52"/>
      <c r="Q590" s="52"/>
      <c r="R590" s="49" t="s">
        <v>1840</v>
      </c>
      <c r="S590" s="49" t="s">
        <v>1840</v>
      </c>
    </row>
    <row r="591" spans="1:19" s="54" customFormat="1" ht="46.5" customHeight="1" x14ac:dyDescent="0.15">
      <c r="A591" s="47" t="s">
        <v>1529</v>
      </c>
      <c r="B591" s="48" t="str">
        <f>IFERROR(VLOOKUP($A591,削除禁止!$A$1:$J$42,2,0),"")</f>
        <v>地域生活支援事業</v>
      </c>
      <c r="C591" s="11">
        <v>1611600014</v>
      </c>
      <c r="D591" s="12"/>
      <c r="E591" s="12"/>
      <c r="F591" s="55" t="s">
        <v>1187</v>
      </c>
      <c r="G591" s="11"/>
      <c r="H591" s="11" t="s">
        <v>1038</v>
      </c>
      <c r="I591" s="55" t="s">
        <v>185</v>
      </c>
      <c r="J591" s="11" t="s">
        <v>934</v>
      </c>
      <c r="K591" s="23" t="s">
        <v>1511</v>
      </c>
      <c r="L591" s="55" t="s">
        <v>719</v>
      </c>
      <c r="M591" s="26">
        <v>38991</v>
      </c>
      <c r="N591" s="56"/>
      <c r="O591" s="52"/>
      <c r="P591" s="52"/>
      <c r="Q591" s="52"/>
      <c r="R591" s="49" t="s">
        <v>1840</v>
      </c>
      <c r="S591" s="49" t="s">
        <v>1840</v>
      </c>
    </row>
    <row r="592" spans="1:19" s="54" customFormat="1" ht="46.5" customHeight="1" x14ac:dyDescent="0.15">
      <c r="A592" s="47" t="s">
        <v>1529</v>
      </c>
      <c r="B592" s="48" t="str">
        <f>IFERROR(VLOOKUP($A592,削除禁止!$A$1:$J$42,2,0),"")</f>
        <v>地域生活支援事業</v>
      </c>
      <c r="C592" s="11">
        <v>1610100156</v>
      </c>
      <c r="D592" s="12"/>
      <c r="E592" s="12"/>
      <c r="F592" s="55" t="s">
        <v>471</v>
      </c>
      <c r="G592" s="11"/>
      <c r="H592" s="11" t="s">
        <v>472</v>
      </c>
      <c r="I592" s="55" t="s">
        <v>877</v>
      </c>
      <c r="J592" s="11" t="s">
        <v>473</v>
      </c>
      <c r="K592" s="12" t="s">
        <v>475</v>
      </c>
      <c r="L592" s="55" t="s">
        <v>469</v>
      </c>
      <c r="M592" s="26">
        <v>38991</v>
      </c>
      <c r="N592" s="56"/>
      <c r="O592" s="52"/>
      <c r="P592" s="52"/>
      <c r="Q592" s="52"/>
      <c r="R592" s="49" t="s">
        <v>1809</v>
      </c>
      <c r="S592" s="49" t="s">
        <v>175</v>
      </c>
    </row>
    <row r="593" spans="1:19" s="54" customFormat="1" ht="46.5" customHeight="1" x14ac:dyDescent="0.15">
      <c r="A593" s="47" t="s">
        <v>1529</v>
      </c>
      <c r="B593" s="48" t="str">
        <f>IFERROR(VLOOKUP($A593,削除禁止!$A$1:$J$42,2,0),"")</f>
        <v>地域生活支援事業</v>
      </c>
      <c r="C593" s="11">
        <v>1610100024</v>
      </c>
      <c r="D593" s="12"/>
      <c r="E593" s="12"/>
      <c r="F593" s="51" t="s">
        <v>465</v>
      </c>
      <c r="G593" s="11"/>
      <c r="H593" s="11" t="s">
        <v>479</v>
      </c>
      <c r="I593" s="16" t="s">
        <v>1329</v>
      </c>
      <c r="J593" s="11" t="s">
        <v>481</v>
      </c>
      <c r="K593" s="12" t="s">
        <v>370</v>
      </c>
      <c r="L593" s="51" t="s">
        <v>389</v>
      </c>
      <c r="M593" s="26">
        <v>38991</v>
      </c>
      <c r="N593" s="56"/>
      <c r="O593" s="52"/>
      <c r="P593" s="52"/>
      <c r="Q593" s="52"/>
      <c r="R593" s="49" t="s">
        <v>1764</v>
      </c>
      <c r="S593" s="49" t="s">
        <v>192</v>
      </c>
    </row>
    <row r="594" spans="1:19" s="54" customFormat="1" ht="46.5" customHeight="1" x14ac:dyDescent="0.15">
      <c r="A594" s="47" t="s">
        <v>1529</v>
      </c>
      <c r="B594" s="48" t="str">
        <f>IFERROR(VLOOKUP($A594,削除禁止!$A$1:$J$42,2,0),"")</f>
        <v>地域生活支援事業</v>
      </c>
      <c r="C594" s="12">
        <v>1610100479</v>
      </c>
      <c r="D594" s="12"/>
      <c r="E594" s="12"/>
      <c r="F594" s="55" t="s">
        <v>1199</v>
      </c>
      <c r="G594" s="11"/>
      <c r="H594" s="11" t="s">
        <v>479</v>
      </c>
      <c r="I594" s="16" t="s">
        <v>1329</v>
      </c>
      <c r="J594" s="11" t="s">
        <v>609</v>
      </c>
      <c r="K594" s="23" t="s">
        <v>1441</v>
      </c>
      <c r="L594" s="55" t="s">
        <v>389</v>
      </c>
      <c r="M594" s="26">
        <v>38991</v>
      </c>
      <c r="N594" s="56"/>
      <c r="O594" s="52"/>
      <c r="P594" s="52"/>
      <c r="Q594" s="52"/>
      <c r="R594" s="49" t="s">
        <v>1764</v>
      </c>
      <c r="S594" s="49" t="s">
        <v>192</v>
      </c>
    </row>
    <row r="595" spans="1:19" s="54" customFormat="1" ht="46.5" customHeight="1" x14ac:dyDescent="0.15">
      <c r="A595" s="47" t="s">
        <v>1529</v>
      </c>
      <c r="B595" s="48" t="str">
        <f>IFERROR(VLOOKUP($A595,削除禁止!$A$1:$J$42,2,0),"")</f>
        <v>地域生活支援事業</v>
      </c>
      <c r="C595" s="11">
        <v>1610100552</v>
      </c>
      <c r="D595" s="12"/>
      <c r="E595" s="12"/>
      <c r="F595" s="55" t="s">
        <v>653</v>
      </c>
      <c r="G595" s="11"/>
      <c r="H595" s="11" t="s">
        <v>340</v>
      </c>
      <c r="I595" s="16" t="s">
        <v>1350</v>
      </c>
      <c r="J595" s="12" t="s">
        <v>343</v>
      </c>
      <c r="K595" s="12" t="s">
        <v>345</v>
      </c>
      <c r="L595" s="18" t="s">
        <v>491</v>
      </c>
      <c r="M595" s="26">
        <v>38991</v>
      </c>
      <c r="N595" s="56"/>
      <c r="O595" s="52"/>
      <c r="P595" s="52"/>
      <c r="Q595" s="52"/>
      <c r="R595" s="49" t="s">
        <v>1764</v>
      </c>
      <c r="S595" s="49" t="s">
        <v>1794</v>
      </c>
    </row>
    <row r="596" spans="1:19" s="54" customFormat="1" ht="46.5" customHeight="1" x14ac:dyDescent="0.15">
      <c r="A596" s="47" t="s">
        <v>1529</v>
      </c>
      <c r="B596" s="48" t="str">
        <f>IFERROR(VLOOKUP($A596,削除禁止!$A$1:$J$42,2,0),"")</f>
        <v>地域生活支援事業</v>
      </c>
      <c r="C596" s="11">
        <v>1650100025</v>
      </c>
      <c r="D596" s="12"/>
      <c r="E596" s="12"/>
      <c r="F596" s="55" t="s">
        <v>434</v>
      </c>
      <c r="G596" s="11"/>
      <c r="H596" s="11" t="s">
        <v>585</v>
      </c>
      <c r="I596" s="16" t="s">
        <v>981</v>
      </c>
      <c r="J596" s="11" t="s">
        <v>586</v>
      </c>
      <c r="K596" s="23" t="s">
        <v>587</v>
      </c>
      <c r="L596" s="18" t="s">
        <v>1597</v>
      </c>
      <c r="M596" s="26">
        <v>38991</v>
      </c>
      <c r="N596" s="56"/>
      <c r="O596" s="52"/>
      <c r="P596" s="52"/>
      <c r="Q596" s="52"/>
      <c r="R596" s="49" t="s">
        <v>1764</v>
      </c>
      <c r="S596" s="49" t="s">
        <v>1794</v>
      </c>
    </row>
    <row r="597" spans="1:19" s="54" customFormat="1" ht="46.5" customHeight="1" x14ac:dyDescent="0.15">
      <c r="A597" s="47" t="s">
        <v>1529</v>
      </c>
      <c r="B597" s="48" t="str">
        <f>IFERROR(VLOOKUP($A597,削除禁止!$A$1:$J$42,2,0),"")</f>
        <v>地域生活支援事業</v>
      </c>
      <c r="C597" s="11">
        <v>1610100206</v>
      </c>
      <c r="D597" s="12"/>
      <c r="E597" s="12"/>
      <c r="F597" s="51" t="s">
        <v>525</v>
      </c>
      <c r="G597" s="11"/>
      <c r="H597" s="11" t="s">
        <v>352</v>
      </c>
      <c r="I597" s="16" t="s">
        <v>1301</v>
      </c>
      <c r="J597" s="12" t="s">
        <v>983</v>
      </c>
      <c r="K597" s="12" t="s">
        <v>494</v>
      </c>
      <c r="L597" s="51" t="s">
        <v>521</v>
      </c>
      <c r="M597" s="26">
        <v>38991</v>
      </c>
      <c r="N597" s="56"/>
      <c r="O597" s="52"/>
      <c r="P597" s="52"/>
      <c r="Q597" s="52"/>
      <c r="R597" s="49" t="s">
        <v>1764</v>
      </c>
      <c r="S597" s="49" t="s">
        <v>1829</v>
      </c>
    </row>
    <row r="598" spans="1:19" s="54" customFormat="1" ht="46.5" customHeight="1" x14ac:dyDescent="0.15">
      <c r="A598" s="47" t="s">
        <v>1529</v>
      </c>
      <c r="B598" s="48" t="str">
        <f>IFERROR(VLOOKUP($A598,削除禁止!$A$1:$J$42,2,0),"")</f>
        <v>地域生活支援事業</v>
      </c>
      <c r="C598" s="11">
        <v>1610100495</v>
      </c>
      <c r="D598" s="12"/>
      <c r="E598" s="12"/>
      <c r="F598" s="55" t="s">
        <v>1090</v>
      </c>
      <c r="G598" s="11"/>
      <c r="H598" s="11" t="s">
        <v>497</v>
      </c>
      <c r="I598" s="16" t="s">
        <v>1332</v>
      </c>
      <c r="J598" s="65" t="s">
        <v>500</v>
      </c>
      <c r="K598" s="65" t="s">
        <v>502</v>
      </c>
      <c r="L598" s="55" t="s">
        <v>551</v>
      </c>
      <c r="M598" s="26">
        <v>38991</v>
      </c>
      <c r="N598" s="56"/>
      <c r="O598" s="52"/>
      <c r="P598" s="52"/>
      <c r="Q598" s="52"/>
      <c r="R598" s="49" t="s">
        <v>1764</v>
      </c>
      <c r="S598" s="49" t="s">
        <v>1704</v>
      </c>
    </row>
    <row r="599" spans="1:19" s="54" customFormat="1" ht="46.5" customHeight="1" x14ac:dyDescent="0.15">
      <c r="A599" s="47" t="s">
        <v>1529</v>
      </c>
      <c r="B599" s="48" t="str">
        <f>IFERROR(VLOOKUP($A599,削除禁止!$A$1:$J$42,2,0),"")</f>
        <v>地域生活支援事業</v>
      </c>
      <c r="C599" s="11">
        <v>1610100511</v>
      </c>
      <c r="D599" s="12"/>
      <c r="E599" s="12"/>
      <c r="F599" s="55" t="s">
        <v>539</v>
      </c>
      <c r="G599" s="11"/>
      <c r="H599" s="11" t="s">
        <v>506</v>
      </c>
      <c r="I599" s="16" t="s">
        <v>540</v>
      </c>
      <c r="J599" s="12" t="s">
        <v>508</v>
      </c>
      <c r="K599" s="12" t="s">
        <v>314</v>
      </c>
      <c r="L599" s="19" t="s">
        <v>22</v>
      </c>
      <c r="M599" s="26">
        <v>38991</v>
      </c>
      <c r="N599" s="56"/>
      <c r="O599" s="52"/>
      <c r="P599" s="52"/>
      <c r="Q599" s="52"/>
      <c r="R599" s="49" t="s">
        <v>1764</v>
      </c>
      <c r="S599" s="49" t="s">
        <v>1760</v>
      </c>
    </row>
    <row r="600" spans="1:19" s="54" customFormat="1" ht="46.5" customHeight="1" x14ac:dyDescent="0.15">
      <c r="A600" s="47" t="s">
        <v>1529</v>
      </c>
      <c r="B600" s="48" t="str">
        <f>IFERROR(VLOOKUP($A600,削除禁止!$A$1:$J$42,2,0),"")</f>
        <v>地域生活支援事業</v>
      </c>
      <c r="C600" s="11">
        <v>1618000010</v>
      </c>
      <c r="D600" s="12"/>
      <c r="E600" s="12"/>
      <c r="F600" s="55" t="s">
        <v>567</v>
      </c>
      <c r="G600" s="11"/>
      <c r="H600" s="11" t="s">
        <v>139</v>
      </c>
      <c r="I600" s="16" t="s">
        <v>1326</v>
      </c>
      <c r="J600" s="11" t="s">
        <v>568</v>
      </c>
      <c r="K600" s="12" t="s">
        <v>572</v>
      </c>
      <c r="L600" s="19" t="s">
        <v>567</v>
      </c>
      <c r="M600" s="26">
        <v>38991</v>
      </c>
      <c r="N600" s="56"/>
      <c r="O600" s="52"/>
      <c r="P600" s="52"/>
      <c r="Q600" s="52"/>
      <c r="R600" s="49" t="s">
        <v>1008</v>
      </c>
      <c r="S600" s="49" t="s">
        <v>1836</v>
      </c>
    </row>
    <row r="601" spans="1:19" s="54" customFormat="1" ht="46.5" customHeight="1" x14ac:dyDescent="0.15">
      <c r="A601" s="47" t="s">
        <v>1529</v>
      </c>
      <c r="B601" s="48" t="str">
        <f>IFERROR(VLOOKUP($A601,削除禁止!$A$1:$J$42,2,0),"")</f>
        <v>地域生活支援事業</v>
      </c>
      <c r="C601" s="12" t="s">
        <v>167</v>
      </c>
      <c r="D601" s="12"/>
      <c r="E601" s="12"/>
      <c r="F601" s="55" t="s">
        <v>1288</v>
      </c>
      <c r="G601" s="11"/>
      <c r="H601" s="11" t="s">
        <v>942</v>
      </c>
      <c r="I601" s="55" t="s">
        <v>1417</v>
      </c>
      <c r="J601" s="11" t="s">
        <v>1004</v>
      </c>
      <c r="K601" s="23" t="s">
        <v>1039</v>
      </c>
      <c r="L601" s="55" t="s">
        <v>1422</v>
      </c>
      <c r="M601" s="26">
        <v>38991</v>
      </c>
      <c r="N601" s="56"/>
      <c r="O601" s="52"/>
      <c r="P601" s="52"/>
      <c r="Q601" s="52"/>
      <c r="R601" s="49" t="s">
        <v>1764</v>
      </c>
      <c r="S601" s="49" t="s">
        <v>1819</v>
      </c>
    </row>
    <row r="602" spans="1:19" s="54" customFormat="1" ht="46.5" customHeight="1" x14ac:dyDescent="0.15">
      <c r="A602" s="47" t="s">
        <v>1529</v>
      </c>
      <c r="B602" s="48" t="str">
        <f>IFERROR(VLOOKUP($A602,削除禁止!$A$1:$J$42,2,0),"")</f>
        <v>地域生活支援事業</v>
      </c>
      <c r="C602" s="12">
        <v>1660200039</v>
      </c>
      <c r="D602" s="12"/>
      <c r="E602" s="12"/>
      <c r="F602" s="55" t="s">
        <v>1290</v>
      </c>
      <c r="G602" s="11"/>
      <c r="H602" s="11" t="s">
        <v>645</v>
      </c>
      <c r="I602" s="55" t="s">
        <v>1709</v>
      </c>
      <c r="J602" s="11" t="s">
        <v>1040</v>
      </c>
      <c r="K602" s="23" t="s">
        <v>1041</v>
      </c>
      <c r="L602" s="55" t="s">
        <v>1422</v>
      </c>
      <c r="M602" s="26">
        <v>38991</v>
      </c>
      <c r="N602" s="56"/>
      <c r="O602" s="52"/>
      <c r="P602" s="52"/>
      <c r="Q602" s="52"/>
      <c r="R602" s="49" t="s">
        <v>1840</v>
      </c>
      <c r="S602" s="49" t="s">
        <v>1840</v>
      </c>
    </row>
    <row r="603" spans="1:19" s="54" customFormat="1" ht="46.5" customHeight="1" x14ac:dyDescent="0.15">
      <c r="A603" s="47" t="s">
        <v>1529</v>
      </c>
      <c r="B603" s="48" t="str">
        <f>IFERROR(VLOOKUP($A603,削除禁止!$A$1:$J$42,2,0),"")</f>
        <v>地域生活支援事業</v>
      </c>
      <c r="C603" s="11">
        <v>1610100487</v>
      </c>
      <c r="D603" s="12"/>
      <c r="E603" s="12"/>
      <c r="F603" s="55" t="s">
        <v>885</v>
      </c>
      <c r="G603" s="11"/>
      <c r="H603" s="11" t="s">
        <v>756</v>
      </c>
      <c r="I603" s="51" t="s">
        <v>1483</v>
      </c>
      <c r="J603" s="11" t="s">
        <v>1001</v>
      </c>
      <c r="K603" s="11" t="s">
        <v>1003</v>
      </c>
      <c r="L603" s="55" t="s">
        <v>1414</v>
      </c>
      <c r="M603" s="26">
        <v>39276</v>
      </c>
      <c r="N603" s="26"/>
      <c r="O603" s="52"/>
      <c r="P603" s="52"/>
      <c r="Q603" s="52"/>
      <c r="R603" s="49" t="s">
        <v>1764</v>
      </c>
      <c r="S603" s="49" t="s">
        <v>1527</v>
      </c>
    </row>
    <row r="604" spans="1:19" s="54" customFormat="1" ht="46.5" customHeight="1" x14ac:dyDescent="0.15">
      <c r="A604" s="47" t="s">
        <v>1529</v>
      </c>
      <c r="B604" s="48" t="str">
        <f>IFERROR(VLOOKUP($A604,削除禁止!$A$1:$J$42,2,0),"")</f>
        <v>地域生活支援事業</v>
      </c>
      <c r="C604" s="11">
        <v>1611600154</v>
      </c>
      <c r="D604" s="12"/>
      <c r="E604" s="12"/>
      <c r="F604" s="55" t="s">
        <v>1079</v>
      </c>
      <c r="G604" s="11"/>
      <c r="H604" s="11" t="s">
        <v>1035</v>
      </c>
      <c r="I604" s="55" t="s">
        <v>1232</v>
      </c>
      <c r="J604" s="11" t="s">
        <v>1114</v>
      </c>
      <c r="K604" s="23" t="s">
        <v>1114</v>
      </c>
      <c r="L604" s="55" t="s">
        <v>719</v>
      </c>
      <c r="M604" s="56">
        <v>39326</v>
      </c>
      <c r="N604" s="56"/>
      <c r="O604" s="52"/>
      <c r="P604" s="52"/>
      <c r="Q604" s="52"/>
      <c r="R604" s="49" t="s">
        <v>1840</v>
      </c>
      <c r="S604" s="49" t="s">
        <v>1840</v>
      </c>
    </row>
    <row r="605" spans="1:19" s="54" customFormat="1" ht="46.5" customHeight="1" x14ac:dyDescent="0.15">
      <c r="A605" s="47" t="s">
        <v>1529</v>
      </c>
      <c r="B605" s="48" t="str">
        <f>IFERROR(VLOOKUP($A605,削除禁止!$A$1:$J$42,2,0),"")</f>
        <v>地域生活支援事業</v>
      </c>
      <c r="C605" s="11">
        <v>1611600049</v>
      </c>
      <c r="D605" s="12"/>
      <c r="E605" s="12"/>
      <c r="F605" s="55" t="s">
        <v>737</v>
      </c>
      <c r="G605" s="11"/>
      <c r="H605" s="11" t="s">
        <v>1037</v>
      </c>
      <c r="I605" s="55" t="s">
        <v>1658</v>
      </c>
      <c r="J605" s="11" t="s">
        <v>349</v>
      </c>
      <c r="K605" s="11" t="s">
        <v>349</v>
      </c>
      <c r="L605" s="55" t="s">
        <v>719</v>
      </c>
      <c r="M605" s="56">
        <v>39356</v>
      </c>
      <c r="N605" s="56"/>
      <c r="O605" s="52"/>
      <c r="P605" s="52"/>
      <c r="Q605" s="52"/>
      <c r="R605" s="49" t="s">
        <v>1840</v>
      </c>
      <c r="S605" s="49" t="s">
        <v>1840</v>
      </c>
    </row>
    <row r="606" spans="1:19" s="54" customFormat="1" ht="46.5" customHeight="1" x14ac:dyDescent="0.15">
      <c r="A606" s="47" t="s">
        <v>1529</v>
      </c>
      <c r="B606" s="48" t="str">
        <f>IFERROR(VLOOKUP($A606,削除禁止!$A$1:$J$42,2,0),"")</f>
        <v>地域生活支援事業</v>
      </c>
      <c r="C606" s="11">
        <v>1640100341</v>
      </c>
      <c r="D606" s="12"/>
      <c r="E606" s="12"/>
      <c r="F606" s="55" t="s">
        <v>690</v>
      </c>
      <c r="G606" s="11"/>
      <c r="H606" s="11" t="s">
        <v>1036</v>
      </c>
      <c r="I606" s="55" t="s">
        <v>1599</v>
      </c>
      <c r="J606" s="11" t="s">
        <v>1023</v>
      </c>
      <c r="K606" s="23" t="s">
        <v>188</v>
      </c>
      <c r="L606" s="55" t="s">
        <v>999</v>
      </c>
      <c r="M606" s="56">
        <v>40269</v>
      </c>
      <c r="N606" s="56"/>
      <c r="O606" s="52"/>
      <c r="P606" s="52"/>
      <c r="Q606" s="52"/>
      <c r="R606" s="49" t="s">
        <v>1786</v>
      </c>
      <c r="S606" s="49" t="s">
        <v>1833</v>
      </c>
    </row>
    <row r="607" spans="1:19" s="54" customFormat="1" ht="46.5" customHeight="1" x14ac:dyDescent="0.15">
      <c r="A607" s="47" t="s">
        <v>1529</v>
      </c>
      <c r="B607" s="48" t="str">
        <f>IFERROR(VLOOKUP($A607,削除禁止!$A$1:$J$42,2,0),"")</f>
        <v>地域生活支援事業</v>
      </c>
      <c r="C607" s="11">
        <v>1610100933</v>
      </c>
      <c r="D607" s="12"/>
      <c r="E607" s="12"/>
      <c r="F607" s="55" t="s">
        <v>1282</v>
      </c>
      <c r="G607" s="11"/>
      <c r="H607" s="10" t="s">
        <v>1541</v>
      </c>
      <c r="I607" s="16" t="s">
        <v>1330</v>
      </c>
      <c r="J607" s="11" t="s">
        <v>267</v>
      </c>
      <c r="K607" s="12" t="s">
        <v>276</v>
      </c>
      <c r="L607" s="55" t="s">
        <v>279</v>
      </c>
      <c r="M607" s="56">
        <v>40299</v>
      </c>
      <c r="N607" s="56"/>
      <c r="O607" s="52"/>
      <c r="P607" s="52"/>
      <c r="Q607" s="52"/>
      <c r="R607" s="49" t="s">
        <v>1808</v>
      </c>
      <c r="S607" s="49" t="s">
        <v>1767</v>
      </c>
    </row>
    <row r="608" spans="1:19" s="54" customFormat="1" ht="46.5" customHeight="1" x14ac:dyDescent="0.15">
      <c r="A608" s="47" t="s">
        <v>1529</v>
      </c>
      <c r="B608" s="48" t="str">
        <f>IFERROR(VLOOKUP($A608,削除禁止!$A$1:$J$42,2,0),"")</f>
        <v>地域生活支援事業</v>
      </c>
      <c r="C608" s="11">
        <v>1640100093</v>
      </c>
      <c r="D608" s="12"/>
      <c r="E608" s="12"/>
      <c r="F608" s="55" t="s">
        <v>975</v>
      </c>
      <c r="G608" s="11"/>
      <c r="H608" s="11" t="s">
        <v>287</v>
      </c>
      <c r="I608" s="16" t="s">
        <v>810</v>
      </c>
      <c r="J608" s="12" t="s">
        <v>778</v>
      </c>
      <c r="K608" s="12" t="s">
        <v>779</v>
      </c>
      <c r="L608" s="55" t="s">
        <v>976</v>
      </c>
      <c r="M608" s="56">
        <v>40848</v>
      </c>
      <c r="N608" s="56"/>
      <c r="O608" s="52"/>
      <c r="P608" s="52"/>
      <c r="Q608" s="52"/>
      <c r="R608" s="49" t="s">
        <v>1809</v>
      </c>
      <c r="S608" s="49" t="s">
        <v>1779</v>
      </c>
    </row>
    <row r="609" spans="1:19" s="54" customFormat="1" ht="46.5" customHeight="1" x14ac:dyDescent="0.15">
      <c r="A609" s="47" t="s">
        <v>1529</v>
      </c>
      <c r="B609" s="48" t="str">
        <f>IFERROR(VLOOKUP($A609,削除禁止!$A$1:$J$42,2,0),"")</f>
        <v>地域生活支援事業</v>
      </c>
      <c r="C609" s="11">
        <v>1611700061</v>
      </c>
      <c r="D609" s="12"/>
      <c r="E609" s="12"/>
      <c r="F609" s="55" t="s">
        <v>856</v>
      </c>
      <c r="G609" s="11"/>
      <c r="H609" s="11" t="s">
        <v>47</v>
      </c>
      <c r="I609" s="55" t="s">
        <v>1707</v>
      </c>
      <c r="J609" s="11" t="s">
        <v>487</v>
      </c>
      <c r="K609" s="11" t="s">
        <v>487</v>
      </c>
      <c r="L609" s="55" t="s">
        <v>1421</v>
      </c>
      <c r="M609" s="56">
        <v>40954</v>
      </c>
      <c r="N609" s="56"/>
      <c r="O609" s="52"/>
      <c r="P609" s="52"/>
      <c r="Q609" s="52"/>
      <c r="R609" s="49" t="s">
        <v>1840</v>
      </c>
      <c r="S609" s="49" t="s">
        <v>1840</v>
      </c>
    </row>
    <row r="610" spans="1:19" s="54" customFormat="1" ht="46.5" customHeight="1" x14ac:dyDescent="0.15">
      <c r="A610" s="47" t="s">
        <v>1529</v>
      </c>
      <c r="B610" s="48" t="str">
        <f>IFERROR(VLOOKUP($A610,削除禁止!$A$1:$J$42,2,0),"")</f>
        <v>地域生活支援事業</v>
      </c>
      <c r="C610" s="11">
        <v>1611600113</v>
      </c>
      <c r="D610" s="12"/>
      <c r="E610" s="12"/>
      <c r="F610" s="55" t="s">
        <v>1287</v>
      </c>
      <c r="G610" s="11"/>
      <c r="H610" s="11" t="s">
        <v>476</v>
      </c>
      <c r="I610" s="55" t="s">
        <v>1708</v>
      </c>
      <c r="J610" s="11" t="s">
        <v>50</v>
      </c>
      <c r="K610" s="11" t="s">
        <v>610</v>
      </c>
      <c r="L610" s="55" t="s">
        <v>408</v>
      </c>
      <c r="M610" s="56">
        <v>41030</v>
      </c>
      <c r="N610" s="56"/>
      <c r="O610" s="52"/>
      <c r="P610" s="52"/>
      <c r="Q610" s="52"/>
      <c r="R610" s="49" t="s">
        <v>1840</v>
      </c>
      <c r="S610" s="49" t="s">
        <v>1840</v>
      </c>
    </row>
    <row r="611" spans="1:19" s="54" customFormat="1" ht="46.5" customHeight="1" x14ac:dyDescent="0.15">
      <c r="A611" s="47" t="s">
        <v>1529</v>
      </c>
      <c r="B611" s="48" t="str">
        <f>IFERROR(VLOOKUP($A611,削除禁止!$A$1:$J$42,2,0),"")</f>
        <v>地域生活支援事業</v>
      </c>
      <c r="C611" s="11">
        <v>1640100515</v>
      </c>
      <c r="D611" s="12"/>
      <c r="E611" s="12"/>
      <c r="F611" s="55" t="s">
        <v>1275</v>
      </c>
      <c r="G611" s="11"/>
      <c r="H611" s="11" t="s">
        <v>258</v>
      </c>
      <c r="I611" s="51" t="s">
        <v>663</v>
      </c>
      <c r="J611" s="12" t="s">
        <v>296</v>
      </c>
      <c r="K611" s="12" t="s">
        <v>616</v>
      </c>
      <c r="L611" s="55" t="s">
        <v>482</v>
      </c>
      <c r="M611" s="56">
        <v>41320</v>
      </c>
      <c r="N611" s="56"/>
      <c r="O611" s="52"/>
      <c r="P611" s="52"/>
      <c r="Q611" s="52"/>
      <c r="R611" s="49" t="s">
        <v>1764</v>
      </c>
      <c r="S611" s="49" t="s">
        <v>1816</v>
      </c>
    </row>
    <row r="612" spans="1:19" s="54" customFormat="1" ht="46.5" customHeight="1" x14ac:dyDescent="0.15">
      <c r="A612" s="47" t="s">
        <v>1529</v>
      </c>
      <c r="B612" s="48" t="str">
        <f>IFERROR(VLOOKUP($A612,削除禁止!$A$1:$J$42,2,0),"")</f>
        <v>地域生活支援事業</v>
      </c>
      <c r="C612" s="11">
        <v>1640100176</v>
      </c>
      <c r="D612" s="12"/>
      <c r="E612" s="12"/>
      <c r="F612" s="16" t="s">
        <v>1588</v>
      </c>
      <c r="G612" s="11"/>
      <c r="H612" s="11" t="s">
        <v>582</v>
      </c>
      <c r="I612" s="16" t="s">
        <v>893</v>
      </c>
      <c r="J612" s="11" t="s">
        <v>405</v>
      </c>
      <c r="K612" s="11" t="s">
        <v>584</v>
      </c>
      <c r="L612" s="52" t="s">
        <v>1642</v>
      </c>
      <c r="M612" s="56">
        <v>41365</v>
      </c>
      <c r="N612" s="56"/>
      <c r="O612" s="52"/>
      <c r="P612" s="52"/>
      <c r="Q612" s="52"/>
      <c r="R612" s="49" t="s">
        <v>1764</v>
      </c>
      <c r="S612" s="49" t="s">
        <v>1825</v>
      </c>
    </row>
    <row r="613" spans="1:19" s="54" customFormat="1" ht="46.5" customHeight="1" x14ac:dyDescent="0.15">
      <c r="A613" s="47" t="s">
        <v>1529</v>
      </c>
      <c r="B613" s="48" t="str">
        <f>IFERROR(VLOOKUP($A613,削除禁止!$A$1:$J$42,2,0),"")</f>
        <v>地域生活支援事業</v>
      </c>
      <c r="C613" s="10">
        <v>1680100227</v>
      </c>
      <c r="D613" s="12"/>
      <c r="E613" s="12"/>
      <c r="F613" s="55" t="s">
        <v>796</v>
      </c>
      <c r="G613" s="11"/>
      <c r="H613" s="10" t="s">
        <v>611</v>
      </c>
      <c r="I613" s="48" t="s">
        <v>1570</v>
      </c>
      <c r="J613" s="11" t="s">
        <v>819</v>
      </c>
      <c r="K613" s="11" t="s">
        <v>327</v>
      </c>
      <c r="L613" s="48" t="s">
        <v>669</v>
      </c>
      <c r="M613" s="56">
        <v>41365</v>
      </c>
      <c r="N613" s="56"/>
      <c r="O613" s="52"/>
      <c r="P613" s="52"/>
      <c r="Q613" s="52"/>
      <c r="R613" s="49" t="s">
        <v>1764</v>
      </c>
      <c r="S613" s="49" t="s">
        <v>1825</v>
      </c>
    </row>
    <row r="614" spans="1:19" s="54" customFormat="1" ht="46.5" customHeight="1" x14ac:dyDescent="0.15">
      <c r="A614" s="47" t="s">
        <v>1529</v>
      </c>
      <c r="B614" s="48" t="str">
        <f>IFERROR(VLOOKUP($A614,削除禁止!$A$1:$J$42,2,0),"")</f>
        <v>地域生活支援事業</v>
      </c>
      <c r="C614" s="11">
        <v>1640100234</v>
      </c>
      <c r="D614" s="12"/>
      <c r="E614" s="12"/>
      <c r="F614" s="55" t="s">
        <v>1291</v>
      </c>
      <c r="G614" s="11"/>
      <c r="H614" s="11" t="s">
        <v>620</v>
      </c>
      <c r="I614" s="55" t="s">
        <v>23</v>
      </c>
      <c r="J614" s="11" t="s">
        <v>984</v>
      </c>
      <c r="K614" s="11" t="s">
        <v>904</v>
      </c>
      <c r="L614" s="48" t="s">
        <v>408</v>
      </c>
      <c r="M614" s="56">
        <v>41365</v>
      </c>
      <c r="N614" s="56"/>
      <c r="O614" s="52"/>
      <c r="P614" s="52"/>
      <c r="Q614" s="52"/>
      <c r="R614" s="49" t="s">
        <v>1764</v>
      </c>
      <c r="S614" s="49" t="s">
        <v>1830</v>
      </c>
    </row>
    <row r="615" spans="1:19" s="54" customFormat="1" ht="46.5" customHeight="1" x14ac:dyDescent="0.15">
      <c r="A615" s="47" t="s">
        <v>1529</v>
      </c>
      <c r="B615" s="48" t="str">
        <f>IFERROR(VLOOKUP($A615,削除禁止!$A$1:$J$42,2,0),"")</f>
        <v>地域生活支援事業</v>
      </c>
      <c r="C615" s="11">
        <v>1680100045</v>
      </c>
      <c r="D615" s="12"/>
      <c r="E615" s="12"/>
      <c r="F615" s="55" t="s">
        <v>994</v>
      </c>
      <c r="G615" s="11"/>
      <c r="H615" s="11" t="s">
        <v>673</v>
      </c>
      <c r="I615" s="16" t="s">
        <v>1679</v>
      </c>
      <c r="J615" s="11" t="s">
        <v>906</v>
      </c>
      <c r="K615" s="11" t="s">
        <v>1489</v>
      </c>
      <c r="L615" s="48" t="s">
        <v>229</v>
      </c>
      <c r="M615" s="56">
        <v>41365</v>
      </c>
      <c r="N615" s="56"/>
      <c r="O615" s="52"/>
      <c r="P615" s="52"/>
      <c r="Q615" s="52"/>
      <c r="R615" s="49" t="s">
        <v>1764</v>
      </c>
      <c r="S615" s="49" t="s">
        <v>1519</v>
      </c>
    </row>
    <row r="616" spans="1:19" s="54" customFormat="1" ht="46.5" customHeight="1" x14ac:dyDescent="0.15">
      <c r="A616" s="47" t="s">
        <v>1529</v>
      </c>
      <c r="B616" s="48" t="str">
        <f>IFERROR(VLOOKUP($A616,削除禁止!$A$1:$J$42,2,0),"")</f>
        <v>地域生活支援事業</v>
      </c>
      <c r="C616" s="11">
        <v>1640100036</v>
      </c>
      <c r="D616" s="12"/>
      <c r="E616" s="12"/>
      <c r="F616" s="55" t="s">
        <v>805</v>
      </c>
      <c r="G616" s="11"/>
      <c r="H616" s="11" t="s">
        <v>208</v>
      </c>
      <c r="I616" s="16" t="s">
        <v>1327</v>
      </c>
      <c r="J616" s="12" t="s">
        <v>676</v>
      </c>
      <c r="K616" s="12" t="s">
        <v>676</v>
      </c>
      <c r="L616" s="48" t="s">
        <v>551</v>
      </c>
      <c r="M616" s="56">
        <v>41365</v>
      </c>
      <c r="N616" s="56"/>
      <c r="O616" s="52"/>
      <c r="P616" s="52"/>
      <c r="Q616" s="52"/>
      <c r="R616" s="49" t="s">
        <v>1764</v>
      </c>
      <c r="S616" s="49" t="s">
        <v>1527</v>
      </c>
    </row>
    <row r="617" spans="1:19" s="54" customFormat="1" ht="46.5" customHeight="1" x14ac:dyDescent="0.15">
      <c r="A617" s="47" t="s">
        <v>1529</v>
      </c>
      <c r="B617" s="48" t="str">
        <f>IFERROR(VLOOKUP($A617,削除禁止!$A$1:$J$42,2,0),"")</f>
        <v>地域生活支援事業</v>
      </c>
      <c r="C617" s="11">
        <v>1640100119</v>
      </c>
      <c r="D617" s="12"/>
      <c r="E617" s="12"/>
      <c r="F617" s="55" t="s">
        <v>817</v>
      </c>
      <c r="G617" s="11"/>
      <c r="H617" s="11" t="s">
        <v>208</v>
      </c>
      <c r="I617" s="55" t="s">
        <v>1044</v>
      </c>
      <c r="J617" s="11" t="s">
        <v>745</v>
      </c>
      <c r="K617" s="11" t="s">
        <v>676</v>
      </c>
      <c r="L617" s="48" t="s">
        <v>551</v>
      </c>
      <c r="M617" s="56">
        <v>41365</v>
      </c>
      <c r="N617" s="56"/>
      <c r="O617" s="52"/>
      <c r="P617" s="52"/>
      <c r="Q617" s="52"/>
      <c r="R617" s="49" t="s">
        <v>1764</v>
      </c>
      <c r="S617" s="49" t="s">
        <v>1527</v>
      </c>
    </row>
    <row r="618" spans="1:19" s="54" customFormat="1" ht="46.5" customHeight="1" x14ac:dyDescent="0.15">
      <c r="A618" s="47" t="s">
        <v>1529</v>
      </c>
      <c r="B618" s="48" t="str">
        <f>IFERROR(VLOOKUP($A618,削除禁止!$A$1:$J$42,2,0),"")</f>
        <v>地域生活支援事業</v>
      </c>
      <c r="C618" s="10">
        <v>1650100116</v>
      </c>
      <c r="D618" s="12"/>
      <c r="E618" s="12"/>
      <c r="F618" s="55" t="s">
        <v>986</v>
      </c>
      <c r="G618" s="11"/>
      <c r="H618" s="10" t="s">
        <v>231</v>
      </c>
      <c r="I618" s="48" t="s">
        <v>164</v>
      </c>
      <c r="J618" s="11" t="s">
        <v>197</v>
      </c>
      <c r="K618" s="11" t="s">
        <v>987</v>
      </c>
      <c r="L618" s="48" t="s">
        <v>463</v>
      </c>
      <c r="M618" s="56">
        <v>41365</v>
      </c>
      <c r="N618" s="56"/>
      <c r="O618" s="52"/>
      <c r="P618" s="52"/>
      <c r="Q618" s="52"/>
      <c r="R618" s="49" t="s">
        <v>1764</v>
      </c>
      <c r="S618" s="49" t="s">
        <v>1815</v>
      </c>
    </row>
    <row r="619" spans="1:19" s="54" customFormat="1" ht="46.5" customHeight="1" x14ac:dyDescent="0.15">
      <c r="A619" s="47" t="s">
        <v>1529</v>
      </c>
      <c r="B619" s="48" t="str">
        <f>IFERROR(VLOOKUP($A619,削除禁止!$A$1:$J$42,2,0),"")</f>
        <v>地域生活支援事業</v>
      </c>
      <c r="C619" s="11">
        <v>1670103314</v>
      </c>
      <c r="D619" s="12"/>
      <c r="E619" s="12"/>
      <c r="F619" s="55" t="s">
        <v>1292</v>
      </c>
      <c r="G619" s="11"/>
      <c r="H619" s="11" t="s">
        <v>575</v>
      </c>
      <c r="I619" s="55" t="s">
        <v>1592</v>
      </c>
      <c r="J619" s="11" t="s">
        <v>1000</v>
      </c>
      <c r="K619" s="11" t="s">
        <v>1351</v>
      </c>
      <c r="L619" s="48" t="s">
        <v>516</v>
      </c>
      <c r="M619" s="56">
        <v>41365</v>
      </c>
      <c r="N619" s="56"/>
      <c r="O619" s="52"/>
      <c r="P619" s="52"/>
      <c r="Q619" s="52"/>
      <c r="R619" s="49" t="s">
        <v>1808</v>
      </c>
      <c r="S619" s="49" t="s">
        <v>1832</v>
      </c>
    </row>
    <row r="620" spans="1:19" s="54" customFormat="1" ht="46.5" customHeight="1" x14ac:dyDescent="0.15">
      <c r="A620" s="47" t="s">
        <v>1529</v>
      </c>
      <c r="B620" s="48" t="str">
        <f>IFERROR(VLOOKUP($A620,削除禁止!$A$1:$J$42,2,0),"")</f>
        <v>地域生活支援事業</v>
      </c>
      <c r="C620" s="10">
        <v>1640100416</v>
      </c>
      <c r="D620" s="12"/>
      <c r="E620" s="12"/>
      <c r="F620" s="55" t="s">
        <v>965</v>
      </c>
      <c r="G620" s="11"/>
      <c r="H620" s="10" t="s">
        <v>29</v>
      </c>
      <c r="I620" s="16" t="s">
        <v>1347</v>
      </c>
      <c r="J620" s="12" t="s">
        <v>693</v>
      </c>
      <c r="K620" s="12" t="s">
        <v>823</v>
      </c>
      <c r="L620" s="48" t="s">
        <v>966</v>
      </c>
      <c r="M620" s="56">
        <v>41365</v>
      </c>
      <c r="N620" s="56"/>
      <c r="O620" s="52"/>
      <c r="P620" s="52"/>
      <c r="Q620" s="52"/>
      <c r="R620" s="49" t="s">
        <v>1764</v>
      </c>
      <c r="S620" s="49" t="s">
        <v>1822</v>
      </c>
    </row>
    <row r="621" spans="1:19" s="54" customFormat="1" ht="46.5" customHeight="1" x14ac:dyDescent="0.15">
      <c r="A621" s="47" t="s">
        <v>1529</v>
      </c>
      <c r="B621" s="48" t="str">
        <f>IFERROR(VLOOKUP($A621,削除禁止!$A$1:$J$42,2,0),"")</f>
        <v>地域生活支援事業</v>
      </c>
      <c r="C621" s="10">
        <v>1641600141</v>
      </c>
      <c r="D621" s="12"/>
      <c r="E621" s="12"/>
      <c r="F621" s="55" t="s">
        <v>1294</v>
      </c>
      <c r="G621" s="11"/>
      <c r="H621" s="10" t="s">
        <v>613</v>
      </c>
      <c r="I621" s="48" t="s">
        <v>1410</v>
      </c>
      <c r="J621" s="11" t="s">
        <v>1185</v>
      </c>
      <c r="K621" s="11" t="s">
        <v>915</v>
      </c>
      <c r="L621" s="48" t="s">
        <v>1423</v>
      </c>
      <c r="M621" s="56">
        <v>41426</v>
      </c>
      <c r="N621" s="56"/>
      <c r="O621" s="52"/>
      <c r="P621" s="52"/>
      <c r="Q621" s="52"/>
      <c r="R621" s="49" t="s">
        <v>1840</v>
      </c>
      <c r="S621" s="49" t="s">
        <v>1840</v>
      </c>
    </row>
    <row r="622" spans="1:19" s="54" customFormat="1" ht="46.5" customHeight="1" x14ac:dyDescent="0.15">
      <c r="A622" s="47" t="s">
        <v>1529</v>
      </c>
      <c r="B622" s="48" t="str">
        <f>IFERROR(VLOOKUP($A622,削除禁止!$A$1:$J$42,2,0),"")</f>
        <v>地域生活支援事業</v>
      </c>
      <c r="C622" s="10">
        <v>1640100564</v>
      </c>
      <c r="D622" s="12"/>
      <c r="E622" s="12"/>
      <c r="F622" s="55" t="s">
        <v>636</v>
      </c>
      <c r="G622" s="11"/>
      <c r="H622" s="10" t="s">
        <v>668</v>
      </c>
      <c r="I622" s="16" t="s">
        <v>1395</v>
      </c>
      <c r="J622" s="11" t="s">
        <v>824</v>
      </c>
      <c r="K622" s="11" t="s">
        <v>826</v>
      </c>
      <c r="L622" s="48" t="s">
        <v>970</v>
      </c>
      <c r="M622" s="56">
        <v>41730</v>
      </c>
      <c r="N622" s="56"/>
      <c r="O622" s="52"/>
      <c r="P622" s="52"/>
      <c r="Q622" s="52"/>
      <c r="R622" s="49" t="s">
        <v>1786</v>
      </c>
      <c r="S622" s="49" t="s">
        <v>1770</v>
      </c>
    </row>
    <row r="623" spans="1:19" s="54" customFormat="1" ht="46.5" customHeight="1" x14ac:dyDescent="0.15">
      <c r="A623" s="47" t="s">
        <v>1529</v>
      </c>
      <c r="B623" s="48" t="str">
        <f>IFERROR(VLOOKUP($A623,削除禁止!$A$1:$J$42,2,0),"")</f>
        <v>地域生活支援事業</v>
      </c>
      <c r="C623" s="12">
        <v>1640100598</v>
      </c>
      <c r="D623" s="12"/>
      <c r="E623" s="12"/>
      <c r="F623" s="21" t="s">
        <v>1880</v>
      </c>
      <c r="G623" s="65"/>
      <c r="H623" s="12" t="s">
        <v>35</v>
      </c>
      <c r="I623" s="55" t="s">
        <v>1609</v>
      </c>
      <c r="J623" s="12" t="s">
        <v>897</v>
      </c>
      <c r="K623" s="12" t="s">
        <v>861</v>
      </c>
      <c r="L623" s="21" t="s">
        <v>1419</v>
      </c>
      <c r="M623" s="56">
        <v>41883</v>
      </c>
      <c r="N623" s="56"/>
      <c r="O623" s="52"/>
      <c r="P623" s="52"/>
      <c r="Q623" s="52"/>
      <c r="R623" s="49" t="s">
        <v>1809</v>
      </c>
      <c r="S623" s="49" t="s">
        <v>175</v>
      </c>
    </row>
    <row r="624" spans="1:19" s="54" customFormat="1" ht="46.5" customHeight="1" x14ac:dyDescent="0.15">
      <c r="A624" s="47" t="s">
        <v>1529</v>
      </c>
      <c r="B624" s="48" t="str">
        <f>IFERROR(VLOOKUP($A624,削除禁止!$A$1:$J$42,2,0),"")</f>
        <v>地域生活支援事業</v>
      </c>
      <c r="C624" s="12">
        <v>1650100215</v>
      </c>
      <c r="D624" s="12"/>
      <c r="E624" s="12"/>
      <c r="F624" s="21" t="s">
        <v>1248</v>
      </c>
      <c r="G624" s="65"/>
      <c r="H624" s="12" t="s">
        <v>792</v>
      </c>
      <c r="I624" s="55" t="s">
        <v>1696</v>
      </c>
      <c r="J624" s="12" t="s">
        <v>1472</v>
      </c>
      <c r="K624" s="12" t="s">
        <v>1406</v>
      </c>
      <c r="L624" s="21" t="s">
        <v>1405</v>
      </c>
      <c r="M624" s="56">
        <v>41897</v>
      </c>
      <c r="N624" s="56"/>
      <c r="O624" s="52"/>
      <c r="P624" s="52"/>
      <c r="Q624" s="52"/>
      <c r="R624" s="49" t="s">
        <v>1764</v>
      </c>
      <c r="S624" s="49" t="s">
        <v>1816</v>
      </c>
    </row>
    <row r="625" spans="1:19" s="54" customFormat="1" ht="46.5" customHeight="1" x14ac:dyDescent="0.15">
      <c r="A625" s="47" t="s">
        <v>1529</v>
      </c>
      <c r="B625" s="48" t="str">
        <f>IFERROR(VLOOKUP($A625,削除禁止!$A$1:$J$42,2,0),"")</f>
        <v>地域生活支援事業</v>
      </c>
      <c r="C625" s="12">
        <v>1611900281</v>
      </c>
      <c r="D625" s="12"/>
      <c r="E625" s="12"/>
      <c r="F625" s="21" t="s">
        <v>1297</v>
      </c>
      <c r="G625" s="65"/>
      <c r="H625" s="12" t="s">
        <v>1043</v>
      </c>
      <c r="I625" s="55" t="s">
        <v>1710</v>
      </c>
      <c r="J625" s="12" t="s">
        <v>39</v>
      </c>
      <c r="K625" s="12" t="s">
        <v>648</v>
      </c>
      <c r="L625" s="55" t="s">
        <v>1424</v>
      </c>
      <c r="M625" s="56">
        <v>42005</v>
      </c>
      <c r="N625" s="56"/>
      <c r="O625" s="52"/>
      <c r="P625" s="52"/>
      <c r="Q625" s="52"/>
      <c r="R625" s="49" t="s">
        <v>1840</v>
      </c>
      <c r="S625" s="49" t="s">
        <v>1840</v>
      </c>
    </row>
    <row r="626" spans="1:19" s="54" customFormat="1" ht="46.5" customHeight="1" x14ac:dyDescent="0.15">
      <c r="A626" s="47" t="s">
        <v>1529</v>
      </c>
      <c r="B626" s="48" t="str">
        <f>IFERROR(VLOOKUP($A626,削除禁止!$A$1:$J$42,2,0),"")</f>
        <v>地域生活支援事業</v>
      </c>
      <c r="C626" s="12">
        <v>1640100523</v>
      </c>
      <c r="D626" s="12"/>
      <c r="E626" s="12"/>
      <c r="F626" s="21" t="s">
        <v>1276</v>
      </c>
      <c r="G626" s="65"/>
      <c r="H626" s="12" t="s">
        <v>769</v>
      </c>
      <c r="I626" s="55" t="s">
        <v>1711</v>
      </c>
      <c r="J626" s="12" t="s">
        <v>1109</v>
      </c>
      <c r="K626" s="12" t="s">
        <v>354</v>
      </c>
      <c r="L626" s="55" t="s">
        <v>275</v>
      </c>
      <c r="M626" s="26">
        <v>42095</v>
      </c>
      <c r="N626" s="26"/>
      <c r="O626" s="52"/>
      <c r="P626" s="52"/>
      <c r="Q626" s="52"/>
      <c r="R626" s="49" t="s">
        <v>1764</v>
      </c>
      <c r="S626" s="49" t="s">
        <v>1784</v>
      </c>
    </row>
    <row r="627" spans="1:19" s="54" customFormat="1" ht="46.5" customHeight="1" x14ac:dyDescent="0.15">
      <c r="A627" s="47" t="s">
        <v>1529</v>
      </c>
      <c r="B627" s="48" t="str">
        <f>IFERROR(VLOOKUP($A627,削除禁止!$A$1:$J$42,2,0),"")</f>
        <v>地域生活支援事業</v>
      </c>
      <c r="C627" s="11">
        <v>1610101675</v>
      </c>
      <c r="D627" s="12"/>
      <c r="E627" s="12"/>
      <c r="F627" s="20" t="s">
        <v>1195</v>
      </c>
      <c r="G627" s="10"/>
      <c r="H627" s="10" t="s">
        <v>123</v>
      </c>
      <c r="I627" s="16" t="s">
        <v>664</v>
      </c>
      <c r="J627" s="10" t="s">
        <v>30</v>
      </c>
      <c r="K627" s="10" t="s">
        <v>30</v>
      </c>
      <c r="L627" s="20" t="s">
        <v>909</v>
      </c>
      <c r="M627" s="26">
        <v>42095</v>
      </c>
      <c r="N627" s="26"/>
      <c r="O627" s="52"/>
      <c r="P627" s="52"/>
      <c r="Q627" s="52"/>
      <c r="R627" s="49" t="s">
        <v>1764</v>
      </c>
      <c r="S627" s="49" t="s">
        <v>1819</v>
      </c>
    </row>
    <row r="628" spans="1:19" s="54" customFormat="1" ht="46.5" customHeight="1" x14ac:dyDescent="0.15">
      <c r="A628" s="47" t="s">
        <v>1529</v>
      </c>
      <c r="B628" s="48" t="str">
        <f>IFERROR(VLOOKUP($A628,削除禁止!$A$1:$J$42,2,0),"")</f>
        <v>地域生活支援事業</v>
      </c>
      <c r="C628" s="12">
        <v>1640100218</v>
      </c>
      <c r="D628" s="12"/>
      <c r="E628" s="12"/>
      <c r="F628" s="21" t="s">
        <v>982</v>
      </c>
      <c r="G628" s="65"/>
      <c r="H628" s="12" t="s">
        <v>834</v>
      </c>
      <c r="I628" s="55" t="s">
        <v>1397</v>
      </c>
      <c r="J628" s="12" t="s">
        <v>180</v>
      </c>
      <c r="K628" s="12" t="s">
        <v>896</v>
      </c>
      <c r="L628" s="55" t="s">
        <v>868</v>
      </c>
      <c r="M628" s="26">
        <v>42461</v>
      </c>
      <c r="N628" s="26"/>
      <c r="O628" s="52"/>
      <c r="P628" s="52"/>
      <c r="Q628" s="52"/>
      <c r="R628" s="49" t="s">
        <v>1008</v>
      </c>
      <c r="S628" s="49" t="s">
        <v>1800</v>
      </c>
    </row>
    <row r="629" spans="1:19" s="54" customFormat="1" ht="46.5" customHeight="1" x14ac:dyDescent="0.15">
      <c r="A629" s="47" t="s">
        <v>1529</v>
      </c>
      <c r="B629" s="48" t="str">
        <f>IFERROR(VLOOKUP($A629,削除禁止!$A$1:$J$42,2,0),"")</f>
        <v>地域生活支援事業</v>
      </c>
      <c r="C629" s="12">
        <v>1640100556</v>
      </c>
      <c r="D629" s="12"/>
      <c r="E629" s="12"/>
      <c r="F629" s="21" t="s">
        <v>1298</v>
      </c>
      <c r="G629" s="65"/>
      <c r="H629" s="12" t="s">
        <v>688</v>
      </c>
      <c r="I629" s="55" t="s">
        <v>1398</v>
      </c>
      <c r="J629" s="12" t="s">
        <v>1250</v>
      </c>
      <c r="K629" s="12" t="s">
        <v>483</v>
      </c>
      <c r="L629" s="55" t="s">
        <v>1425</v>
      </c>
      <c r="M629" s="26">
        <v>42491</v>
      </c>
      <c r="N629" s="26"/>
      <c r="O629" s="52"/>
      <c r="P629" s="52"/>
      <c r="Q629" s="52"/>
      <c r="R629" s="49" t="s">
        <v>1764</v>
      </c>
      <c r="S629" s="49" t="s">
        <v>597</v>
      </c>
    </row>
    <row r="630" spans="1:19" s="54" customFormat="1" ht="46.5" customHeight="1" x14ac:dyDescent="0.15">
      <c r="A630" s="47" t="s">
        <v>1529</v>
      </c>
      <c r="B630" s="48" t="str">
        <f>IFERROR(VLOOKUP($A630,削除禁止!$A$1:$J$42,2,0),"")</f>
        <v>地域生活支援事業</v>
      </c>
      <c r="C630" s="12">
        <v>1640100085</v>
      </c>
      <c r="D630" s="12"/>
      <c r="E630" s="12"/>
      <c r="F630" s="21" t="s">
        <v>961</v>
      </c>
      <c r="G630" s="65"/>
      <c r="H630" s="12" t="s">
        <v>835</v>
      </c>
      <c r="I630" s="16" t="s">
        <v>427</v>
      </c>
      <c r="J630" s="12" t="s">
        <v>461</v>
      </c>
      <c r="K630" s="12" t="s">
        <v>461</v>
      </c>
      <c r="L630" s="21" t="s">
        <v>742</v>
      </c>
      <c r="M630" s="26">
        <v>42491</v>
      </c>
      <c r="N630" s="26"/>
      <c r="O630" s="52"/>
      <c r="P630" s="52"/>
      <c r="Q630" s="52"/>
      <c r="R630" s="49" t="s">
        <v>1764</v>
      </c>
      <c r="S630" s="49" t="s">
        <v>1816</v>
      </c>
    </row>
    <row r="631" spans="1:19" s="54" customFormat="1" ht="46.5" customHeight="1" x14ac:dyDescent="0.15">
      <c r="A631" s="47" t="s">
        <v>1529</v>
      </c>
      <c r="B631" s="48" t="str">
        <f>IFERROR(VLOOKUP($A631,削除禁止!$A$1:$J$42,2,0),"")</f>
        <v>地域生活支援事業</v>
      </c>
      <c r="C631" s="11">
        <v>1640100614</v>
      </c>
      <c r="D631" s="12"/>
      <c r="E631" s="12"/>
      <c r="F631" s="52" t="s">
        <v>972</v>
      </c>
      <c r="G631" s="12"/>
      <c r="H631" s="11" t="s">
        <v>791</v>
      </c>
      <c r="I631" s="48" t="s">
        <v>691</v>
      </c>
      <c r="J631" s="12" t="s">
        <v>445</v>
      </c>
      <c r="K631" s="12" t="s">
        <v>812</v>
      </c>
      <c r="L631" s="52" t="s">
        <v>872</v>
      </c>
      <c r="M631" s="26">
        <v>42522</v>
      </c>
      <c r="N631" s="26"/>
      <c r="O631" s="52"/>
      <c r="P631" s="52"/>
      <c r="Q631" s="52"/>
      <c r="R631" s="49" t="s">
        <v>1764</v>
      </c>
      <c r="S631" s="49" t="s">
        <v>562</v>
      </c>
    </row>
    <row r="632" spans="1:19" s="54" customFormat="1" ht="46.5" customHeight="1" x14ac:dyDescent="0.15">
      <c r="A632" s="47" t="s">
        <v>1529</v>
      </c>
      <c r="B632" s="48" t="str">
        <f>IFERROR(VLOOKUP($A632,削除禁止!$A$1:$J$42,2,0),"")</f>
        <v>地域生活支援事業</v>
      </c>
      <c r="C632" s="11">
        <v>1640100572</v>
      </c>
      <c r="D632" s="12"/>
      <c r="E632" s="12"/>
      <c r="F632" s="52" t="s">
        <v>956</v>
      </c>
      <c r="G632" s="12"/>
      <c r="H632" s="11" t="s">
        <v>688</v>
      </c>
      <c r="I632" s="16" t="s">
        <v>1346</v>
      </c>
      <c r="J632" s="12" t="s">
        <v>809</v>
      </c>
      <c r="K632" s="12" t="s">
        <v>809</v>
      </c>
      <c r="L632" s="21" t="s">
        <v>960</v>
      </c>
      <c r="M632" s="26">
        <v>42614</v>
      </c>
      <c r="N632" s="26"/>
      <c r="O632" s="52"/>
      <c r="P632" s="52"/>
      <c r="Q632" s="52"/>
      <c r="R632" s="49" t="s">
        <v>1764</v>
      </c>
      <c r="S632" s="49" t="s">
        <v>597</v>
      </c>
    </row>
    <row r="633" spans="1:19" s="54" customFormat="1" ht="46.5" customHeight="1" x14ac:dyDescent="0.15">
      <c r="A633" s="47" t="s">
        <v>1529</v>
      </c>
      <c r="B633" s="48" t="str">
        <f>IFERROR(VLOOKUP($A633,削除禁止!$A$1:$J$42,2,0),"")</f>
        <v>地域生活支援事業</v>
      </c>
      <c r="C633" s="11">
        <v>1650100330</v>
      </c>
      <c r="D633" s="12"/>
      <c r="E633" s="12"/>
      <c r="F633" s="52" t="s">
        <v>830</v>
      </c>
      <c r="G633" s="12"/>
      <c r="H633" s="11" t="s">
        <v>258</v>
      </c>
      <c r="I633" s="55" t="s">
        <v>703</v>
      </c>
      <c r="J633" s="12" t="s">
        <v>933</v>
      </c>
      <c r="K633" s="12" t="s">
        <v>933</v>
      </c>
      <c r="L633" s="21" t="s">
        <v>1405</v>
      </c>
      <c r="M633" s="26">
        <v>42826</v>
      </c>
      <c r="N633" s="26"/>
      <c r="O633" s="52"/>
      <c r="P633" s="52"/>
      <c r="Q633" s="52"/>
      <c r="R633" s="49" t="s">
        <v>1764</v>
      </c>
      <c r="S633" s="49" t="s">
        <v>1816</v>
      </c>
    </row>
    <row r="634" spans="1:19" s="54" customFormat="1" ht="46.5" customHeight="1" x14ac:dyDescent="0.15">
      <c r="A634" s="47" t="s">
        <v>1529</v>
      </c>
      <c r="B634" s="48" t="str">
        <f>IFERROR(VLOOKUP($A634,削除禁止!$A$1:$J$42,2,0),"")</f>
        <v>地域生活支援事業</v>
      </c>
      <c r="C634" s="11">
        <v>1640100605</v>
      </c>
      <c r="D634" s="12"/>
      <c r="E634" s="12"/>
      <c r="F634" s="52" t="s">
        <v>341</v>
      </c>
      <c r="G634" s="12"/>
      <c r="H634" s="11" t="s">
        <v>575</v>
      </c>
      <c r="I634" s="16" t="s">
        <v>888</v>
      </c>
      <c r="J634" s="12" t="s">
        <v>451</v>
      </c>
      <c r="K634" s="12" t="s">
        <v>179</v>
      </c>
      <c r="L634" s="21" t="s">
        <v>1104</v>
      </c>
      <c r="M634" s="26">
        <v>42917</v>
      </c>
      <c r="N634" s="26"/>
      <c r="O634" s="52"/>
      <c r="P634" s="52"/>
      <c r="Q634" s="52"/>
      <c r="R634" s="49" t="s">
        <v>1808</v>
      </c>
      <c r="S634" s="49" t="s">
        <v>1832</v>
      </c>
    </row>
    <row r="635" spans="1:19" s="54" customFormat="1" ht="46.5" customHeight="1" x14ac:dyDescent="0.15">
      <c r="A635" s="47" t="s">
        <v>1529</v>
      </c>
      <c r="B635" s="48" t="str">
        <f>IFERROR(VLOOKUP($A635,削除禁止!$A$1:$J$42,2,0),"")</f>
        <v>地域生活支援事業</v>
      </c>
      <c r="C635" s="11">
        <v>1640100663</v>
      </c>
      <c r="D635" s="12"/>
      <c r="E635" s="12"/>
      <c r="F635" s="52" t="s">
        <v>1168</v>
      </c>
      <c r="G635" s="12"/>
      <c r="H635" s="11" t="s">
        <v>575</v>
      </c>
      <c r="I635" s="55" t="s">
        <v>1381</v>
      </c>
      <c r="J635" s="12" t="s">
        <v>218</v>
      </c>
      <c r="K635" s="12" t="s">
        <v>179</v>
      </c>
      <c r="L635" s="21" t="s">
        <v>1104</v>
      </c>
      <c r="M635" s="26">
        <v>42917</v>
      </c>
      <c r="N635" s="26"/>
      <c r="O635" s="52"/>
      <c r="P635" s="52"/>
      <c r="Q635" s="52"/>
      <c r="R635" s="49" t="s">
        <v>1808</v>
      </c>
      <c r="S635" s="49" t="s">
        <v>1832</v>
      </c>
    </row>
    <row r="636" spans="1:19" s="54" customFormat="1" ht="46.5" customHeight="1" x14ac:dyDescent="0.15">
      <c r="A636" s="47" t="s">
        <v>1529</v>
      </c>
      <c r="B636" s="48" t="str">
        <f>IFERROR(VLOOKUP($A636,削除禁止!$A$1:$J$42,2,0),"")</f>
        <v>地域生活支援事業</v>
      </c>
      <c r="C636" s="11">
        <v>1650100348</v>
      </c>
      <c r="D636" s="12"/>
      <c r="E636" s="12"/>
      <c r="F636" s="52" t="s">
        <v>1263</v>
      </c>
      <c r="G636" s="12"/>
      <c r="H636" s="11" t="s">
        <v>935</v>
      </c>
      <c r="I636" s="55" t="s">
        <v>1399</v>
      </c>
      <c r="J636" s="12" t="s">
        <v>112</v>
      </c>
      <c r="K636" s="12" t="s">
        <v>936</v>
      </c>
      <c r="L636" s="21" t="s">
        <v>262</v>
      </c>
      <c r="M636" s="26">
        <v>43070</v>
      </c>
      <c r="N636" s="26"/>
      <c r="O636" s="52"/>
      <c r="P636" s="52"/>
      <c r="Q636" s="52"/>
      <c r="R636" s="49" t="s">
        <v>1764</v>
      </c>
      <c r="S636" s="49" t="s">
        <v>1825</v>
      </c>
    </row>
    <row r="637" spans="1:19" s="54" customFormat="1" ht="46.5" customHeight="1" x14ac:dyDescent="0.15">
      <c r="A637" s="47" t="s">
        <v>1529</v>
      </c>
      <c r="B637" s="48" t="str">
        <f>IFERROR(VLOOKUP($A637,削除禁止!$A$1:$J$42,2,0),"")</f>
        <v>地域生活支援事業</v>
      </c>
      <c r="C637" s="11">
        <v>1610102202</v>
      </c>
      <c r="D637" s="12"/>
      <c r="E637" s="12"/>
      <c r="F637" s="52" t="s">
        <v>274</v>
      </c>
      <c r="G637" s="12"/>
      <c r="H637" s="11" t="s">
        <v>792</v>
      </c>
      <c r="I637" s="55" t="s">
        <v>1700</v>
      </c>
      <c r="J637" s="12" t="s">
        <v>480</v>
      </c>
      <c r="K637" s="12" t="s">
        <v>951</v>
      </c>
      <c r="L637" s="21" t="s">
        <v>1405</v>
      </c>
      <c r="M637" s="26">
        <v>43191</v>
      </c>
      <c r="N637" s="26"/>
      <c r="O637" s="52"/>
      <c r="P637" s="52"/>
      <c r="Q637" s="52"/>
      <c r="R637" s="49" t="s">
        <v>1764</v>
      </c>
      <c r="S637" s="49" t="s">
        <v>1772</v>
      </c>
    </row>
    <row r="638" spans="1:19" s="54" customFormat="1" ht="46.5" customHeight="1" x14ac:dyDescent="0.15">
      <c r="A638" s="47" t="s">
        <v>1529</v>
      </c>
      <c r="B638" s="48" t="str">
        <f>IFERROR(VLOOKUP($A638,削除禁止!$A$1:$J$42,2,0),"")</f>
        <v>地域生活支援事業</v>
      </c>
      <c r="C638" s="11">
        <v>1650100413</v>
      </c>
      <c r="D638" s="12"/>
      <c r="E638" s="12"/>
      <c r="F638" s="52" t="s">
        <v>891</v>
      </c>
      <c r="G638" s="12"/>
      <c r="H638" s="11" t="s">
        <v>716</v>
      </c>
      <c r="I638" s="16" t="s">
        <v>1376</v>
      </c>
      <c r="J638" s="12" t="s">
        <v>353</v>
      </c>
      <c r="K638" s="12" t="s">
        <v>233</v>
      </c>
      <c r="L638" s="55" t="s">
        <v>1123</v>
      </c>
      <c r="M638" s="26">
        <v>43221</v>
      </c>
      <c r="N638" s="26"/>
      <c r="O638" s="52"/>
      <c r="P638" s="52"/>
      <c r="Q638" s="52"/>
      <c r="R638" s="49" t="s">
        <v>1808</v>
      </c>
      <c r="S638" s="49" t="s">
        <v>1767</v>
      </c>
    </row>
    <row r="639" spans="1:19" s="54" customFormat="1" ht="46.5" customHeight="1" x14ac:dyDescent="0.15">
      <c r="A639" s="47" t="s">
        <v>1529</v>
      </c>
      <c r="B639" s="48" t="str">
        <f>IFERROR(VLOOKUP($A639,削除禁止!$A$1:$J$42,2,0),"")</f>
        <v>地域生活支援事業</v>
      </c>
      <c r="C639" s="11">
        <v>1650100280</v>
      </c>
      <c r="D639" s="12"/>
      <c r="E639" s="12"/>
      <c r="F639" s="52" t="s">
        <v>708</v>
      </c>
      <c r="G639" s="12"/>
      <c r="H639" s="11" t="s">
        <v>743</v>
      </c>
      <c r="I639" s="16" t="s">
        <v>1391</v>
      </c>
      <c r="J639" s="12" t="s">
        <v>927</v>
      </c>
      <c r="K639" s="12" t="s">
        <v>446</v>
      </c>
      <c r="L639" s="21" t="s">
        <v>988</v>
      </c>
      <c r="M639" s="26">
        <v>43252</v>
      </c>
      <c r="N639" s="26"/>
      <c r="O639" s="52"/>
      <c r="P639" s="52"/>
      <c r="Q639" s="52"/>
      <c r="R639" s="49" t="s">
        <v>1764</v>
      </c>
      <c r="S639" s="49" t="s">
        <v>1775</v>
      </c>
    </row>
    <row r="640" spans="1:19" s="54" customFormat="1" ht="46.5" customHeight="1" x14ac:dyDescent="0.15">
      <c r="A640" s="47" t="s">
        <v>1529</v>
      </c>
      <c r="B640" s="48" t="str">
        <f>IFERROR(VLOOKUP($A640,削除禁止!$A$1:$J$42,2,0),"")</f>
        <v>地域生活支援事業</v>
      </c>
      <c r="C640" s="12">
        <v>1640100390</v>
      </c>
      <c r="D640" s="12"/>
      <c r="E640" s="12"/>
      <c r="F640" s="21" t="s">
        <v>264</v>
      </c>
      <c r="G640" s="65"/>
      <c r="H640" s="12" t="s">
        <v>839</v>
      </c>
      <c r="I640" s="48" t="s">
        <v>298</v>
      </c>
      <c r="J640" s="12" t="s">
        <v>969</v>
      </c>
      <c r="K640" s="12" t="s">
        <v>725</v>
      </c>
      <c r="L640" s="55" t="s">
        <v>270</v>
      </c>
      <c r="M640" s="26">
        <v>43617</v>
      </c>
      <c r="N640" s="26"/>
      <c r="O640" s="52"/>
      <c r="P640" s="52"/>
      <c r="Q640" s="52"/>
      <c r="R640" s="49" t="s">
        <v>1764</v>
      </c>
      <c r="S640" s="49" t="s">
        <v>1814</v>
      </c>
    </row>
    <row r="641" spans="1:19" s="54" customFormat="1" ht="46.5" customHeight="1" x14ac:dyDescent="0.15">
      <c r="A641" s="47" t="s">
        <v>1529</v>
      </c>
      <c r="B641" s="48" t="str">
        <f>IFERROR(VLOOKUP($A641,削除禁止!$A$1:$J$42,2,0),"")</f>
        <v>地域生活支援事業</v>
      </c>
      <c r="C641" s="12">
        <v>1611700137</v>
      </c>
      <c r="D641" s="12"/>
      <c r="E641" s="12"/>
      <c r="F641" s="21" t="s">
        <v>1299</v>
      </c>
      <c r="G641" s="65"/>
      <c r="H641" s="12" t="s">
        <v>1046</v>
      </c>
      <c r="I641" s="48" t="s">
        <v>1539</v>
      </c>
      <c r="J641" s="12" t="s">
        <v>531</v>
      </c>
      <c r="K641" s="12" t="s">
        <v>10</v>
      </c>
      <c r="L641" s="55" t="s">
        <v>1427</v>
      </c>
      <c r="M641" s="26">
        <v>43617</v>
      </c>
      <c r="N641" s="26"/>
      <c r="O641" s="52"/>
      <c r="P641" s="52"/>
      <c r="Q641" s="52"/>
      <c r="R641" s="49" t="s">
        <v>1840</v>
      </c>
      <c r="S641" s="49" t="s">
        <v>1840</v>
      </c>
    </row>
    <row r="642" spans="1:19" s="54" customFormat="1" ht="46.5" customHeight="1" x14ac:dyDescent="0.15">
      <c r="A642" s="47" t="s">
        <v>1529</v>
      </c>
      <c r="B642" s="48" t="str">
        <f>IFERROR(VLOOKUP($A642,削除禁止!$A$1:$J$42,2,0),"")</f>
        <v>地域生活支援事業</v>
      </c>
      <c r="C642" s="12">
        <v>1611900141</v>
      </c>
      <c r="D642" s="12"/>
      <c r="E642" s="12"/>
      <c r="F642" s="21" t="s">
        <v>1300</v>
      </c>
      <c r="G642" s="65"/>
      <c r="H642" s="12" t="s">
        <v>971</v>
      </c>
      <c r="I642" s="48" t="s">
        <v>980</v>
      </c>
      <c r="J642" s="12" t="s">
        <v>201</v>
      </c>
      <c r="K642" s="12" t="s">
        <v>545</v>
      </c>
      <c r="L642" s="55" t="s">
        <v>1428</v>
      </c>
      <c r="M642" s="26">
        <v>43647</v>
      </c>
      <c r="N642" s="26"/>
      <c r="O642" s="52"/>
      <c r="P642" s="52"/>
      <c r="Q642" s="52"/>
      <c r="R642" s="49" t="s">
        <v>1840</v>
      </c>
      <c r="S642" s="49" t="s">
        <v>1840</v>
      </c>
    </row>
    <row r="643" spans="1:19" s="54" customFormat="1" ht="46.5" customHeight="1" x14ac:dyDescent="0.15">
      <c r="A643" s="47" t="s">
        <v>1529</v>
      </c>
      <c r="B643" s="48" t="str">
        <f>IFERROR(VLOOKUP($A643,削除禁止!$A$1:$J$42,2,0),"")</f>
        <v>地域生活支援事業</v>
      </c>
      <c r="C643" s="12">
        <v>1650160037</v>
      </c>
      <c r="D643" s="12"/>
      <c r="E643" s="12"/>
      <c r="F643" s="21" t="s">
        <v>1270</v>
      </c>
      <c r="G643" s="65"/>
      <c r="H643" s="12" t="s">
        <v>784</v>
      </c>
      <c r="I643" s="48" t="s">
        <v>161</v>
      </c>
      <c r="J643" s="12" t="s">
        <v>444</v>
      </c>
      <c r="K643" s="12" t="s">
        <v>991</v>
      </c>
      <c r="L643" s="55" t="s">
        <v>247</v>
      </c>
      <c r="M643" s="26">
        <v>43831</v>
      </c>
      <c r="N643" s="26"/>
      <c r="O643" s="52"/>
      <c r="P643" s="52"/>
      <c r="Q643" s="52"/>
      <c r="R643" s="49" t="s">
        <v>1808</v>
      </c>
      <c r="S643" s="49" t="s">
        <v>1594</v>
      </c>
    </row>
    <row r="644" spans="1:19" s="54" customFormat="1" ht="46.5" customHeight="1" x14ac:dyDescent="0.15">
      <c r="A644" s="47" t="s">
        <v>1529</v>
      </c>
      <c r="B644" s="48" t="str">
        <f>IFERROR(VLOOKUP($A644,削除禁止!$A$1:$J$42,2,0),"")</f>
        <v>地域生活支援事業</v>
      </c>
      <c r="C644" s="12">
        <v>1650100603</v>
      </c>
      <c r="D644" s="12"/>
      <c r="E644" s="12"/>
      <c r="F644" s="21" t="s">
        <v>169</v>
      </c>
      <c r="G644" s="65"/>
      <c r="H644" s="12" t="s">
        <v>720</v>
      </c>
      <c r="I644" s="16" t="s">
        <v>908</v>
      </c>
      <c r="J644" s="12" t="s">
        <v>955</v>
      </c>
      <c r="K644" s="12" t="s">
        <v>955</v>
      </c>
      <c r="L644" s="55" t="s">
        <v>1411</v>
      </c>
      <c r="M644" s="26">
        <v>43891</v>
      </c>
      <c r="N644" s="26"/>
      <c r="O644" s="52"/>
      <c r="P644" s="52"/>
      <c r="Q644" s="52"/>
      <c r="R644" s="49" t="s">
        <v>1764</v>
      </c>
      <c r="S644" s="49" t="s">
        <v>1814</v>
      </c>
    </row>
    <row r="645" spans="1:19" s="54" customFormat="1" ht="46.5" customHeight="1" x14ac:dyDescent="0.15">
      <c r="A645" s="47" t="s">
        <v>1529</v>
      </c>
      <c r="B645" s="48" t="str">
        <f>IFERROR(VLOOKUP($A645,削除禁止!$A$1:$J$42,2,0),"")</f>
        <v>地域生活支援事業</v>
      </c>
      <c r="C645" s="12">
        <v>1650160094</v>
      </c>
      <c r="D645" s="12"/>
      <c r="E645" s="12"/>
      <c r="F645" s="21" t="s">
        <v>1131</v>
      </c>
      <c r="G645" s="65"/>
      <c r="H645" s="12" t="s">
        <v>1065</v>
      </c>
      <c r="I645" s="48" t="s">
        <v>638</v>
      </c>
      <c r="J645" s="12" t="s">
        <v>1068</v>
      </c>
      <c r="K645" s="12" t="s">
        <v>1072</v>
      </c>
      <c r="L645" s="55" t="s">
        <v>1413</v>
      </c>
      <c r="M645" s="26">
        <v>44136</v>
      </c>
      <c r="N645" s="26"/>
      <c r="O645" s="52"/>
      <c r="P645" s="52"/>
      <c r="Q645" s="52"/>
      <c r="R645" s="49" t="s">
        <v>1764</v>
      </c>
      <c r="S645" s="49" t="s">
        <v>1775</v>
      </c>
    </row>
    <row r="646" spans="1:19" s="54" customFormat="1" ht="46.5" customHeight="1" x14ac:dyDescent="0.15">
      <c r="A646" s="47" t="s">
        <v>1529</v>
      </c>
      <c r="B646" s="48" t="str">
        <f>IFERROR(VLOOKUP($A646,削除禁止!$A$1:$J$42,2,0),"")</f>
        <v>地域生活支援事業</v>
      </c>
      <c r="C646" s="11">
        <v>1610102582</v>
      </c>
      <c r="D646" s="12"/>
      <c r="E646" s="12"/>
      <c r="F646" s="20" t="s">
        <v>1219</v>
      </c>
      <c r="G646" s="10"/>
      <c r="H646" s="10" t="s">
        <v>569</v>
      </c>
      <c r="I646" s="20" t="s">
        <v>1348</v>
      </c>
      <c r="J646" s="65" t="s">
        <v>1069</v>
      </c>
      <c r="K646" s="65" t="s">
        <v>995</v>
      </c>
      <c r="L646" s="20" t="s">
        <v>1104</v>
      </c>
      <c r="M646" s="26">
        <v>44287</v>
      </c>
      <c r="N646" s="26"/>
      <c r="O646" s="52"/>
      <c r="P646" s="52"/>
      <c r="Q646" s="52"/>
      <c r="R646" s="49" t="s">
        <v>1808</v>
      </c>
      <c r="S646" s="49" t="s">
        <v>1832</v>
      </c>
    </row>
    <row r="647" spans="1:19" s="54" customFormat="1" ht="46.5" customHeight="1" x14ac:dyDescent="0.15">
      <c r="A647" s="47" t="s">
        <v>1529</v>
      </c>
      <c r="B647" s="48" t="str">
        <f>IFERROR(VLOOKUP($A647,削除禁止!$A$1:$J$42,2,0),"")</f>
        <v>地域生活支援事業</v>
      </c>
      <c r="C647" s="11">
        <v>1650160029</v>
      </c>
      <c r="D647" s="12"/>
      <c r="E647" s="12"/>
      <c r="F647" s="55" t="s">
        <v>1267</v>
      </c>
      <c r="G647" s="11"/>
      <c r="H647" s="11" t="s">
        <v>828</v>
      </c>
      <c r="I647" s="55" t="s">
        <v>1283</v>
      </c>
      <c r="J647" s="11" t="s">
        <v>1444</v>
      </c>
      <c r="K647" s="10" t="s">
        <v>116</v>
      </c>
      <c r="L647" s="51" t="s">
        <v>1143</v>
      </c>
      <c r="M647" s="56">
        <v>44378</v>
      </c>
      <c r="N647" s="56"/>
      <c r="O647" s="52"/>
      <c r="P647" s="52"/>
      <c r="Q647" s="52"/>
      <c r="R647" s="49" t="s">
        <v>1764</v>
      </c>
      <c r="S647" s="49" t="s">
        <v>1781</v>
      </c>
    </row>
    <row r="648" spans="1:19" s="54" customFormat="1" ht="46.5" customHeight="1" x14ac:dyDescent="0.15">
      <c r="A648" s="47" t="s">
        <v>1529</v>
      </c>
      <c r="B648" s="48" t="str">
        <f>IFERROR(VLOOKUP($A648,削除禁止!$A$1:$J$42,2,0),"")</f>
        <v>地域生活支援事業</v>
      </c>
      <c r="C648" s="11">
        <v>1670100799</v>
      </c>
      <c r="D648" s="12"/>
      <c r="E648" s="12"/>
      <c r="F648" s="55" t="s">
        <v>1747</v>
      </c>
      <c r="G648" s="11"/>
      <c r="H648" s="11" t="s">
        <v>1452</v>
      </c>
      <c r="I648" s="55" t="s">
        <v>1439</v>
      </c>
      <c r="J648" s="11" t="s">
        <v>740</v>
      </c>
      <c r="K648" s="10" t="s">
        <v>1454</v>
      </c>
      <c r="L648" s="51" t="s">
        <v>1717</v>
      </c>
      <c r="M648" s="56">
        <v>44386</v>
      </c>
      <c r="N648" s="56"/>
      <c r="O648" s="52"/>
      <c r="P648" s="52"/>
      <c r="Q648" s="52"/>
      <c r="R648" s="49" t="s">
        <v>1764</v>
      </c>
      <c r="S648" s="49" t="s">
        <v>1640</v>
      </c>
    </row>
    <row r="649" spans="1:19" s="54" customFormat="1" ht="46.5" customHeight="1" x14ac:dyDescent="0.15">
      <c r="A649" s="47" t="s">
        <v>1529</v>
      </c>
      <c r="B649" s="48" t="str">
        <f>IFERROR(VLOOKUP($A649,削除禁止!$A$1:$J$42,2,0),"")</f>
        <v>地域生活支援事業</v>
      </c>
      <c r="C649" s="11">
        <v>1611600295</v>
      </c>
      <c r="D649" s="12"/>
      <c r="E649" s="12"/>
      <c r="F649" s="55" t="s">
        <v>1753</v>
      </c>
      <c r="G649" s="11"/>
      <c r="H649" s="11" t="s">
        <v>1783</v>
      </c>
      <c r="I649" s="55" t="s">
        <v>1788</v>
      </c>
      <c r="J649" s="11" t="s">
        <v>1799</v>
      </c>
      <c r="K649" s="10" t="s">
        <v>1848</v>
      </c>
      <c r="L649" s="51" t="s">
        <v>1847</v>
      </c>
      <c r="M649" s="56">
        <v>44670</v>
      </c>
      <c r="N649" s="56"/>
      <c r="O649" s="52"/>
      <c r="P649" s="52"/>
      <c r="Q649" s="52"/>
      <c r="R649" s="49" t="s">
        <v>1840</v>
      </c>
      <c r="S649" s="49" t="s">
        <v>1840</v>
      </c>
    </row>
    <row r="650" spans="1:19" s="54" customFormat="1" ht="46.5" customHeight="1" x14ac:dyDescent="0.15">
      <c r="A650" s="47" t="s">
        <v>1529</v>
      </c>
      <c r="B650" s="48" t="str">
        <f>IFERROR(VLOOKUP($A650,削除禁止!$A$1:$J$42,2,0),"")</f>
        <v>地域生活支援事業</v>
      </c>
      <c r="C650" s="11">
        <v>1650160185</v>
      </c>
      <c r="D650" s="12"/>
      <c r="E650" s="12"/>
      <c r="F650" s="55" t="s">
        <v>1741</v>
      </c>
      <c r="G650" s="11"/>
      <c r="H650" s="11" t="s">
        <v>792</v>
      </c>
      <c r="I650" s="55" t="s">
        <v>1849</v>
      </c>
      <c r="J650" s="11" t="s">
        <v>1472</v>
      </c>
      <c r="K650" s="10" t="s">
        <v>1406</v>
      </c>
      <c r="L650" s="51" t="s">
        <v>1850</v>
      </c>
      <c r="M650" s="56">
        <v>44713</v>
      </c>
      <c r="N650" s="56"/>
      <c r="O650" s="52"/>
      <c r="P650" s="52"/>
      <c r="Q650" s="52"/>
      <c r="R650" s="49" t="s">
        <v>1764</v>
      </c>
      <c r="S650" s="49" t="s">
        <v>1816</v>
      </c>
    </row>
    <row r="651" spans="1:19" s="54" customFormat="1" ht="46.5" customHeight="1" x14ac:dyDescent="0.15">
      <c r="A651" s="47" t="s">
        <v>1529</v>
      </c>
      <c r="B651" s="48" t="str">
        <f>IFERROR(VLOOKUP($A651,削除禁止!$A$1:$J$42,2,0),"")</f>
        <v>地域生活支援事業</v>
      </c>
      <c r="C651" s="11">
        <v>1650160102</v>
      </c>
      <c r="D651" s="12"/>
      <c r="E651" s="12"/>
      <c r="F651" s="55" t="s">
        <v>1846</v>
      </c>
      <c r="G651" s="11"/>
      <c r="H651" s="11" t="s">
        <v>566</v>
      </c>
      <c r="I651" s="55" t="s">
        <v>1851</v>
      </c>
      <c r="J651" s="11" t="s">
        <v>1465</v>
      </c>
      <c r="K651" s="10" t="s">
        <v>152</v>
      </c>
      <c r="L651" s="51" t="s">
        <v>1614</v>
      </c>
      <c r="M651" s="56">
        <v>44835</v>
      </c>
      <c r="N651" s="56"/>
      <c r="O651" s="52"/>
      <c r="P651" s="52"/>
      <c r="Q651" s="52"/>
      <c r="R651" s="49" t="s">
        <v>1764</v>
      </c>
      <c r="S651" s="49" t="s">
        <v>1624</v>
      </c>
    </row>
    <row r="652" spans="1:19" s="54" customFormat="1" ht="46.5" customHeight="1" x14ac:dyDescent="0.15">
      <c r="A652" s="47" t="s">
        <v>1529</v>
      </c>
      <c r="B652" s="48" t="str">
        <f>IFERROR(VLOOKUP($A652,削除禁止!$A$1:$J$42,2,0),"")</f>
        <v>地域生活支援事業</v>
      </c>
      <c r="C652" s="11">
        <v>1650160177</v>
      </c>
      <c r="D652" s="12"/>
      <c r="E652" s="12"/>
      <c r="F652" s="55" t="s">
        <v>1521</v>
      </c>
      <c r="G652" s="10"/>
      <c r="H652" s="10" t="s">
        <v>1469</v>
      </c>
      <c r="I652" s="16" t="s">
        <v>1615</v>
      </c>
      <c r="J652" s="10" t="s">
        <v>1895</v>
      </c>
      <c r="K652" s="10" t="s">
        <v>2</v>
      </c>
      <c r="L652" s="16" t="s">
        <v>1654</v>
      </c>
      <c r="M652" s="56">
        <v>44896</v>
      </c>
      <c r="N652" s="56"/>
      <c r="O652" s="52"/>
      <c r="P652" s="52"/>
      <c r="Q652" s="52"/>
      <c r="R652" s="49" t="s">
        <v>1764</v>
      </c>
      <c r="S652" s="49" t="s">
        <v>1811</v>
      </c>
    </row>
    <row r="653" spans="1:19" s="54" customFormat="1" ht="46.5" customHeight="1" x14ac:dyDescent="0.15">
      <c r="A653" s="47" t="s">
        <v>1529</v>
      </c>
      <c r="B653" s="48" t="str">
        <f>IFERROR(VLOOKUP($A653,削除禁止!$A$1:$J$42,2,0),"")</f>
        <v>地域生活支援事業</v>
      </c>
      <c r="C653" s="11">
        <v>1650160235</v>
      </c>
      <c r="D653" s="12"/>
      <c r="E653" s="12"/>
      <c r="F653" s="55" t="s">
        <v>1756</v>
      </c>
      <c r="G653" s="11"/>
      <c r="H653" s="11" t="s">
        <v>566</v>
      </c>
      <c r="I653" s="55" t="s">
        <v>1851</v>
      </c>
      <c r="J653" s="11" t="s">
        <v>498</v>
      </c>
      <c r="K653" s="11" t="s">
        <v>1006</v>
      </c>
      <c r="L653" s="51" t="s">
        <v>1614</v>
      </c>
      <c r="M653" s="56">
        <v>44927</v>
      </c>
      <c r="N653" s="56"/>
      <c r="O653" s="52"/>
      <c r="P653" s="52"/>
      <c r="Q653" s="52"/>
      <c r="R653" s="49" t="s">
        <v>1764</v>
      </c>
      <c r="S653" s="49" t="s">
        <v>1624</v>
      </c>
    </row>
    <row r="654" spans="1:19" s="54" customFormat="1" ht="46.5" customHeight="1" x14ac:dyDescent="0.15">
      <c r="A654" s="47" t="s">
        <v>1529</v>
      </c>
      <c r="B654" s="48" t="str">
        <f>IFERROR(VLOOKUP($A654,削除禁止!$A$1:$J$42,2,0),"")</f>
        <v>地域生活支援事業</v>
      </c>
      <c r="C654" s="11">
        <v>1650160219</v>
      </c>
      <c r="D654" s="12"/>
      <c r="E654" s="12"/>
      <c r="F654" s="55" t="s">
        <v>1743</v>
      </c>
      <c r="G654" s="11"/>
      <c r="H654" s="11" t="s">
        <v>223</v>
      </c>
      <c r="I654" s="55" t="s">
        <v>1639</v>
      </c>
      <c r="J654" s="11" t="s">
        <v>1566</v>
      </c>
      <c r="K654" s="10"/>
      <c r="L654" s="51" t="s">
        <v>1339</v>
      </c>
      <c r="M654" s="56">
        <v>44958</v>
      </c>
      <c r="N654" s="56"/>
      <c r="O654" s="52"/>
      <c r="P654" s="52"/>
      <c r="Q654" s="52"/>
      <c r="R654" s="49" t="s">
        <v>1764</v>
      </c>
      <c r="S654" s="49" t="s">
        <v>562</v>
      </c>
    </row>
    <row r="655" spans="1:19" s="54" customFormat="1" ht="46.5" customHeight="1" x14ac:dyDescent="0.15">
      <c r="A655" s="47" t="s">
        <v>1661</v>
      </c>
      <c r="B655" s="48" t="str">
        <f>IFERROR(VLOOKUP($A655,削除禁止!$A$1:$J$42,2,0),"")</f>
        <v>地域生活支援事業</v>
      </c>
      <c r="C655" s="12">
        <v>1670100138</v>
      </c>
      <c r="D655" s="12"/>
      <c r="E655" s="12"/>
      <c r="F655" s="55" t="s">
        <v>588</v>
      </c>
      <c r="G655" s="11"/>
      <c r="H655" s="11" t="s">
        <v>561</v>
      </c>
      <c r="I655" s="48" t="s">
        <v>129</v>
      </c>
      <c r="J655" s="12" t="s">
        <v>1432</v>
      </c>
      <c r="K655" s="12" t="s">
        <v>1307</v>
      </c>
      <c r="L655" s="48" t="s">
        <v>606</v>
      </c>
      <c r="M655" s="27">
        <v>39630</v>
      </c>
      <c r="N655" s="27"/>
      <c r="O655" s="52"/>
      <c r="P655" s="52"/>
      <c r="Q655" s="52"/>
      <c r="R655" s="49" t="s">
        <v>1764</v>
      </c>
      <c r="S655" s="49" t="s">
        <v>562</v>
      </c>
    </row>
    <row r="656" spans="1:19" s="54" customFormat="1" ht="46.5" customHeight="1" x14ac:dyDescent="0.15">
      <c r="A656" s="47" t="s">
        <v>1661</v>
      </c>
      <c r="B656" s="48" t="str">
        <f>IFERROR(VLOOKUP($A656,削除禁止!$A$1:$J$42,2,0),"")</f>
        <v>地域生活支援事業</v>
      </c>
      <c r="C656" s="11">
        <v>1671800470</v>
      </c>
      <c r="D656" s="12"/>
      <c r="E656" s="12"/>
      <c r="F656" s="55" t="s">
        <v>1944</v>
      </c>
      <c r="G656" s="11"/>
      <c r="H656" s="11" t="s">
        <v>287</v>
      </c>
      <c r="I656" s="16" t="s">
        <v>764</v>
      </c>
      <c r="J656" s="11" t="s">
        <v>614</v>
      </c>
      <c r="K656" s="12" t="s">
        <v>191</v>
      </c>
      <c r="L656" s="51" t="s">
        <v>606</v>
      </c>
      <c r="M656" s="56">
        <v>40330</v>
      </c>
      <c r="N656" s="56"/>
      <c r="O656" s="52"/>
      <c r="P656" s="52"/>
      <c r="Q656" s="52"/>
      <c r="R656" s="49" t="s">
        <v>1809</v>
      </c>
      <c r="S656" s="49" t="s">
        <v>1779</v>
      </c>
    </row>
    <row r="657" spans="1:19" s="54" customFormat="1" ht="46.5" customHeight="1" x14ac:dyDescent="0.15">
      <c r="A657" s="47" t="s">
        <v>1661</v>
      </c>
      <c r="B657" s="48" t="str">
        <f>IFERROR(VLOOKUP($A657,削除禁止!$A$1:$J$42,2,0),"")</f>
        <v>地域生活支援事業</v>
      </c>
      <c r="C657" s="11">
        <v>1670103413</v>
      </c>
      <c r="D657" s="12"/>
      <c r="E657" s="12"/>
      <c r="F657" s="55" t="s">
        <v>4</v>
      </c>
      <c r="G657" s="11"/>
      <c r="H657" s="11" t="s">
        <v>36</v>
      </c>
      <c r="I657" s="55" t="s">
        <v>1314</v>
      </c>
      <c r="J657" s="10" t="s">
        <v>48</v>
      </c>
      <c r="K657" s="10" t="s">
        <v>58</v>
      </c>
      <c r="L657" s="51" t="s">
        <v>31</v>
      </c>
      <c r="M657" s="56">
        <v>40634</v>
      </c>
      <c r="N657" s="56"/>
      <c r="O657" s="52"/>
      <c r="P657" s="52"/>
      <c r="Q657" s="52"/>
      <c r="R657" s="49" t="s">
        <v>1764</v>
      </c>
      <c r="S657" s="49" t="s">
        <v>1816</v>
      </c>
    </row>
    <row r="658" spans="1:19" s="54" customFormat="1" ht="46.5" customHeight="1" x14ac:dyDescent="0.15">
      <c r="A658" s="47" t="s">
        <v>1661</v>
      </c>
      <c r="B658" s="48" t="str">
        <f>IFERROR(VLOOKUP($A658,削除禁止!$A$1:$J$42,2,0),"")</f>
        <v>地域生活支援事業</v>
      </c>
      <c r="C658" s="11">
        <v>1671100293</v>
      </c>
      <c r="D658" s="12"/>
      <c r="E658" s="12"/>
      <c r="F658" s="55" t="s">
        <v>1117</v>
      </c>
      <c r="G658" s="11"/>
      <c r="H658" s="11" t="s">
        <v>1048</v>
      </c>
      <c r="I658" s="55" t="s">
        <v>1400</v>
      </c>
      <c r="J658" s="11" t="s">
        <v>1051</v>
      </c>
      <c r="K658" s="10" t="s">
        <v>1053</v>
      </c>
      <c r="L658" s="51" t="s">
        <v>1429</v>
      </c>
      <c r="M658" s="56">
        <v>43191</v>
      </c>
      <c r="N658" s="56"/>
      <c r="O658" s="52"/>
      <c r="P658" s="52"/>
      <c r="Q658" s="52"/>
      <c r="R658" s="49" t="s">
        <v>1840</v>
      </c>
      <c r="S658" s="49" t="s">
        <v>1840</v>
      </c>
    </row>
    <row r="659" spans="1:19" s="54" customFormat="1" ht="46.5" customHeight="1" x14ac:dyDescent="0.15">
      <c r="A659" s="47" t="s">
        <v>1661</v>
      </c>
      <c r="B659" s="58" t="str">
        <f>IFERROR(VLOOKUP($A659,削除禁止!$A$1:$J$42,2,0),"")</f>
        <v>地域生活支援事業</v>
      </c>
      <c r="C659" s="39">
        <v>1671100889</v>
      </c>
      <c r="D659" s="40"/>
      <c r="E659" s="40"/>
      <c r="F659" s="45" t="s">
        <v>1964</v>
      </c>
      <c r="G659" s="39"/>
      <c r="H659" s="11" t="s">
        <v>1965</v>
      </c>
      <c r="I659" s="45" t="s">
        <v>1966</v>
      </c>
      <c r="J659" s="39" t="s">
        <v>1967</v>
      </c>
      <c r="K659" s="42" t="s">
        <v>1968</v>
      </c>
      <c r="L659" s="51" t="s">
        <v>1969</v>
      </c>
      <c r="M659" s="43">
        <v>45383</v>
      </c>
      <c r="N659" s="43"/>
      <c r="O659" s="59"/>
      <c r="P659" s="59"/>
      <c r="Q659" s="59"/>
      <c r="R659" s="60" t="s">
        <v>1840</v>
      </c>
      <c r="S659" s="61" t="s">
        <v>1840</v>
      </c>
    </row>
    <row r="660" spans="1:19" s="53" customFormat="1" ht="46.5" customHeight="1" x14ac:dyDescent="0.15">
      <c r="A660" s="47" t="s">
        <v>1016</v>
      </c>
      <c r="B660" s="48" t="str">
        <f>IFERROR(VLOOKUP($A660,削除禁止!$A$1:$J$42,2,0),"")</f>
        <v>地域生活支援事業</v>
      </c>
      <c r="C660" s="11" t="s">
        <v>1261</v>
      </c>
      <c r="D660" s="12"/>
      <c r="E660" s="12"/>
      <c r="F660" s="55" t="s">
        <v>1225</v>
      </c>
      <c r="G660" s="11"/>
      <c r="H660" s="11" t="s">
        <v>340</v>
      </c>
      <c r="I660" s="16" t="s">
        <v>1350</v>
      </c>
      <c r="J660" s="12" t="s">
        <v>343</v>
      </c>
      <c r="K660" s="12" t="s">
        <v>345</v>
      </c>
      <c r="L660" s="18" t="s">
        <v>491</v>
      </c>
      <c r="M660" s="56">
        <v>35521</v>
      </c>
      <c r="N660" s="56"/>
      <c r="O660" s="52"/>
      <c r="P660" s="52"/>
      <c r="Q660" s="52"/>
      <c r="R660" s="49" t="s">
        <v>1764</v>
      </c>
      <c r="S660" s="49" t="s">
        <v>1794</v>
      </c>
    </row>
    <row r="661" spans="1:19" s="53" customFormat="1" ht="46.5" customHeight="1" x14ac:dyDescent="0.15">
      <c r="A661" s="47" t="s">
        <v>1016</v>
      </c>
      <c r="B661" s="48" t="str">
        <f>IFERROR(VLOOKUP($A661,削除禁止!$A$1:$J$42,2,0),"")</f>
        <v>地域生活支援事業</v>
      </c>
      <c r="C661" s="11" t="s">
        <v>570</v>
      </c>
      <c r="D661" s="12"/>
      <c r="E661" s="12"/>
      <c r="F661" s="55" t="s">
        <v>92</v>
      </c>
      <c r="G661" s="11"/>
      <c r="H661" s="12" t="s">
        <v>18</v>
      </c>
      <c r="I661" s="16" t="s">
        <v>1367</v>
      </c>
      <c r="J661" s="12" t="s">
        <v>15</v>
      </c>
      <c r="K661" s="12" t="s">
        <v>96</v>
      </c>
      <c r="L661" s="18" t="s">
        <v>154</v>
      </c>
      <c r="M661" s="56">
        <v>36251</v>
      </c>
      <c r="N661" s="56"/>
      <c r="O661" s="52"/>
      <c r="P661" s="52"/>
      <c r="Q661" s="52"/>
      <c r="R661" s="49" t="s">
        <v>1764</v>
      </c>
      <c r="S661" s="49" t="s">
        <v>604</v>
      </c>
    </row>
    <row r="662" spans="1:19" s="54" customFormat="1" ht="46.5" customHeight="1" x14ac:dyDescent="0.15">
      <c r="A662" s="47" t="s">
        <v>1016</v>
      </c>
      <c r="B662" s="48" t="str">
        <f>IFERROR(VLOOKUP($A662,削除禁止!$A$1:$J$42,2,0),"")</f>
        <v>地域生活支援事業</v>
      </c>
      <c r="C662" s="11" t="s">
        <v>1484</v>
      </c>
      <c r="D662" s="12"/>
      <c r="E662" s="12"/>
      <c r="F662" s="55" t="s">
        <v>37</v>
      </c>
      <c r="G662" s="11"/>
      <c r="H662" s="12" t="s">
        <v>103</v>
      </c>
      <c r="I662" s="16" t="s">
        <v>1028</v>
      </c>
      <c r="J662" s="12" t="s">
        <v>117</v>
      </c>
      <c r="K662" s="12" t="s">
        <v>125</v>
      </c>
      <c r="L662" s="18" t="s">
        <v>163</v>
      </c>
      <c r="M662" s="56">
        <v>36982</v>
      </c>
      <c r="N662" s="56"/>
      <c r="O662" s="52"/>
      <c r="P662" s="52"/>
      <c r="Q662" s="52"/>
      <c r="R662" s="49" t="s">
        <v>1764</v>
      </c>
      <c r="S662" s="49" t="s">
        <v>1704</v>
      </c>
    </row>
    <row r="663" spans="1:19" s="54" customFormat="1" ht="46.5" customHeight="1" x14ac:dyDescent="0.15">
      <c r="A663" s="47" t="s">
        <v>1662</v>
      </c>
      <c r="B663" s="48" t="str">
        <f>IFERROR(VLOOKUP($A663,削除禁止!$A$1:$J$42,2,0),"")</f>
        <v>地域生活支援事業</v>
      </c>
      <c r="C663" s="11">
        <v>1690100002</v>
      </c>
      <c r="D663" s="12"/>
      <c r="E663" s="12"/>
      <c r="F663" s="55" t="s">
        <v>391</v>
      </c>
      <c r="G663" s="11"/>
      <c r="H663" s="11" t="s">
        <v>123</v>
      </c>
      <c r="I663" s="16" t="s">
        <v>1002</v>
      </c>
      <c r="J663" s="11" t="s">
        <v>1506</v>
      </c>
      <c r="K663" s="12" t="s">
        <v>1510</v>
      </c>
      <c r="L663" s="51" t="s">
        <v>187</v>
      </c>
      <c r="M663" s="56">
        <v>36069</v>
      </c>
      <c r="N663" s="56"/>
      <c r="O663" s="52"/>
      <c r="P663" s="52"/>
      <c r="Q663" s="52"/>
      <c r="R663" s="49" t="s">
        <v>1764</v>
      </c>
      <c r="S663" s="49" t="s">
        <v>1819</v>
      </c>
    </row>
    <row r="664" spans="1:19" s="54" customFormat="1" ht="46.5" customHeight="1" x14ac:dyDescent="0.15">
      <c r="A664" s="47" t="s">
        <v>1663</v>
      </c>
      <c r="B664" s="48" t="str">
        <f>IFERROR(VLOOKUP($A664,削除禁止!$A$1:$J$42,2,0),"")</f>
        <v>地域生活支援事業</v>
      </c>
      <c r="C664" s="11" t="s">
        <v>439</v>
      </c>
      <c r="D664" s="12"/>
      <c r="E664" s="12"/>
      <c r="F664" s="55" t="s">
        <v>293</v>
      </c>
      <c r="G664" s="11">
        <v>15</v>
      </c>
      <c r="H664" s="11" t="s">
        <v>1976</v>
      </c>
      <c r="I664" s="55" t="s">
        <v>1977</v>
      </c>
      <c r="J664" s="11" t="s">
        <v>654</v>
      </c>
      <c r="K664" s="10" t="s">
        <v>1479</v>
      </c>
      <c r="L664" s="51" t="s">
        <v>1593</v>
      </c>
      <c r="M664" s="56">
        <v>31503</v>
      </c>
      <c r="N664" s="56"/>
      <c r="O664" s="52"/>
      <c r="P664" s="52"/>
      <c r="Q664" s="52"/>
      <c r="R664" s="49" t="s">
        <v>1764</v>
      </c>
      <c r="S664" s="49" t="s">
        <v>1819</v>
      </c>
    </row>
    <row r="665" spans="1:19" s="54" customFormat="1" ht="46.5" customHeight="1" x14ac:dyDescent="0.15">
      <c r="A665" s="47" t="s">
        <v>1663</v>
      </c>
      <c r="B665" s="48" t="str">
        <f>IFERROR(VLOOKUP($A665,削除禁止!$A$1:$J$42,2,0),"")</f>
        <v>地域生活支援事業</v>
      </c>
      <c r="C665" s="11" t="s">
        <v>1486</v>
      </c>
      <c r="D665" s="12"/>
      <c r="E665" s="12"/>
      <c r="F665" s="55" t="s">
        <v>1748</v>
      </c>
      <c r="G665" s="11">
        <v>15</v>
      </c>
      <c r="H665" s="10" t="s">
        <v>1482</v>
      </c>
      <c r="I665" s="55" t="s">
        <v>1713</v>
      </c>
      <c r="J665" s="11" t="s">
        <v>1230</v>
      </c>
      <c r="K665" s="10" t="s">
        <v>1481</v>
      </c>
      <c r="L665" s="18" t="s">
        <v>1253</v>
      </c>
      <c r="M665" s="56">
        <v>32234</v>
      </c>
      <c r="N665" s="56"/>
      <c r="O665" s="52"/>
      <c r="P665" s="52"/>
      <c r="Q665" s="52"/>
      <c r="R665" s="49" t="s">
        <v>1764</v>
      </c>
      <c r="S665" s="49" t="s">
        <v>1816</v>
      </c>
    </row>
    <row r="666" spans="1:19" s="54" customFormat="1" ht="46.5" customHeight="1" x14ac:dyDescent="0.15">
      <c r="A666" s="47" t="s">
        <v>1663</v>
      </c>
      <c r="B666" s="48" t="str">
        <f>IFERROR(VLOOKUP($A666,削除禁止!$A$1:$J$42,2,0),"")</f>
        <v>地域生活支援事業</v>
      </c>
      <c r="C666" s="11" t="s">
        <v>1014</v>
      </c>
      <c r="D666" s="12"/>
      <c r="E666" s="12"/>
      <c r="F666" s="55" t="s">
        <v>1978</v>
      </c>
      <c r="G666" s="11">
        <v>15</v>
      </c>
      <c r="H666" s="11" t="s">
        <v>123</v>
      </c>
      <c r="I666" s="55" t="s">
        <v>1712</v>
      </c>
      <c r="J666" s="11" t="s">
        <v>1480</v>
      </c>
      <c r="K666" s="10" t="s">
        <v>1479</v>
      </c>
      <c r="L666" s="51" t="s">
        <v>1593</v>
      </c>
      <c r="M666" s="56">
        <v>32325</v>
      </c>
      <c r="N666" s="56"/>
      <c r="O666" s="52"/>
      <c r="P666" s="52"/>
      <c r="Q666" s="52"/>
      <c r="R666" s="49" t="s">
        <v>1764</v>
      </c>
      <c r="S666" s="49" t="s">
        <v>1819</v>
      </c>
    </row>
    <row r="667" spans="1:19" s="54" customFormat="1" ht="46.5" customHeight="1" x14ac:dyDescent="0.15">
      <c r="A667" s="47" t="s">
        <v>1663</v>
      </c>
      <c r="B667" s="48" t="str">
        <f>IFERROR(VLOOKUP($A667,削除禁止!$A$1:$J$42,2,0),"")</f>
        <v>地域生活支援事業</v>
      </c>
      <c r="C667" s="11" t="s">
        <v>857</v>
      </c>
      <c r="D667" s="12"/>
      <c r="E667" s="12"/>
      <c r="F667" s="55" t="s">
        <v>1159</v>
      </c>
      <c r="G667" s="11">
        <v>25</v>
      </c>
      <c r="H667" s="10" t="s">
        <v>924</v>
      </c>
      <c r="I667" s="55" t="s">
        <v>1026</v>
      </c>
      <c r="J667" s="11" t="s">
        <v>1453</v>
      </c>
      <c r="K667" s="10" t="s">
        <v>1426</v>
      </c>
      <c r="L667" s="16" t="s">
        <v>542</v>
      </c>
      <c r="M667" s="56">
        <v>39173</v>
      </c>
      <c r="N667" s="56"/>
      <c r="O667" s="52"/>
      <c r="P667" s="52"/>
      <c r="Q667" s="52"/>
      <c r="R667" s="49" t="s">
        <v>1764</v>
      </c>
      <c r="S667" s="49" t="s">
        <v>192</v>
      </c>
    </row>
    <row r="668" spans="1:19" s="54" customFormat="1" ht="46.5" customHeight="1" x14ac:dyDescent="0.15">
      <c r="A668" s="68" t="s">
        <v>1663</v>
      </c>
      <c r="B668" s="69" t="str">
        <f>IFERROR(VLOOKUP($A668,削除禁止!$A$1:$J$42,2,0),"")</f>
        <v>地域生活支援事業</v>
      </c>
      <c r="C668" s="14" t="s">
        <v>1488</v>
      </c>
      <c r="D668" s="15"/>
      <c r="E668" s="15"/>
      <c r="F668" s="70" t="s">
        <v>1249</v>
      </c>
      <c r="G668" s="14">
        <v>25</v>
      </c>
      <c r="H668" s="15" t="s">
        <v>150</v>
      </c>
      <c r="I668" s="70" t="s">
        <v>1691</v>
      </c>
      <c r="J668" s="15" t="s">
        <v>1495</v>
      </c>
      <c r="K668" s="15" t="s">
        <v>1496</v>
      </c>
      <c r="L668" s="24" t="s">
        <v>148</v>
      </c>
      <c r="M668" s="71">
        <v>40969</v>
      </c>
      <c r="N668" s="71"/>
      <c r="O668" s="72"/>
      <c r="P668" s="72"/>
      <c r="Q668" s="72"/>
      <c r="R668" s="49" t="s">
        <v>1008</v>
      </c>
      <c r="S668" s="73" t="s">
        <v>1800</v>
      </c>
    </row>
    <row r="673" spans="17:17" x14ac:dyDescent="0.15">
      <c r="Q673" s="3"/>
    </row>
  </sheetData>
  <phoneticPr fontId="21"/>
  <dataValidations count="2">
    <dataValidation type="custom" allowBlank="1" showInputMessage="1" showErrorMessage="1" error="半角での入力又は、_x000a_スペースの入力がされています。" sqref="F4:F668 L4:L668">
      <formula1>AND(F4=DBCS(F4),ISERROR(FIND("　",F4)))</formula1>
    </dataValidation>
    <dataValidation type="custom" allowBlank="1" showInputMessage="1" showErrorMessage="1" error="半角、スペースの入力がされています。_x000a_又は、〇丁目の「〇」が漢数字での入力がされていません。_x000a__x000a_" sqref="I4:I668">
      <formula1>AND(I4=DBCS(I4),ISERROR(FIND("　",I4)),(#REF!=""))</formula1>
    </dataValidation>
  </dataValidations>
  <pageMargins left="0.70866141732283472" right="0.70866141732283472" top="0.35433070866141736" bottom="0.35433070866141736" header="0.31496062992125984" footer="0.31496062992125984"/>
  <pageSetup paperSize="8" scale="52" fitToHeight="0" orientation="landscape" r:id="rId1"/>
  <headerFooter>
    <oddFooter>&amp;P ページ</oddFooter>
  </headerFooter>
  <drawing r:id="rId2"/>
  <tableParts count="1">
    <tablePart r:id="rId3"/>
  </tableParts>
  <extLst>
    <ext xmlns:x15="http://schemas.microsoft.com/office/spreadsheetml/2010/11/main" uri="{3A4CF648-6AED-40f4-86FF-DC5316D8AED3}">
      <x14:slicerList xmlns:x14="http://schemas.microsoft.com/office/spreadsheetml/2009/9/main">
        <x14:slicer r:id="rId4"/>
      </x14:slicerList>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B31"/>
  <sheetViews>
    <sheetView workbookViewId="0">
      <selection activeCell="F17" sqref="F17"/>
    </sheetView>
  </sheetViews>
  <sheetFormatPr defaultRowHeight="13.5" x14ac:dyDescent="0.15"/>
  <cols>
    <col min="1" max="1" width="30.5" customWidth="1"/>
    <col min="2" max="2" width="19" customWidth="1"/>
  </cols>
  <sheetData>
    <row r="1" spans="1:2" ht="22.9" customHeight="1" x14ac:dyDescent="0.15">
      <c r="A1" s="33" t="s">
        <v>964</v>
      </c>
      <c r="B1" s="34" t="s">
        <v>705</v>
      </c>
    </row>
    <row r="2" spans="1:2" x14ac:dyDescent="0.15">
      <c r="A2" s="31" t="s">
        <v>1231</v>
      </c>
      <c r="B2" s="35" t="s">
        <v>843</v>
      </c>
    </row>
    <row r="3" spans="1:2" x14ac:dyDescent="0.15">
      <c r="A3" s="31" t="s">
        <v>440</v>
      </c>
      <c r="B3" s="35" t="s">
        <v>843</v>
      </c>
    </row>
    <row r="4" spans="1:2" x14ac:dyDescent="0.15">
      <c r="A4" s="31" t="s">
        <v>1456</v>
      </c>
      <c r="B4" s="35" t="s">
        <v>843</v>
      </c>
    </row>
    <row r="5" spans="1:2" x14ac:dyDescent="0.15">
      <c r="A5" s="31" t="s">
        <v>505</v>
      </c>
      <c r="B5" s="35" t="s">
        <v>843</v>
      </c>
    </row>
    <row r="6" spans="1:2" x14ac:dyDescent="0.15">
      <c r="A6" s="31" t="s">
        <v>1457</v>
      </c>
      <c r="B6" s="35" t="s">
        <v>996</v>
      </c>
    </row>
    <row r="7" spans="1:2" x14ac:dyDescent="0.15">
      <c r="A7" s="31" t="s">
        <v>1459</v>
      </c>
      <c r="B7" s="35" t="s">
        <v>7</v>
      </c>
    </row>
    <row r="8" spans="1:2" x14ac:dyDescent="0.15">
      <c r="A8" s="31" t="s">
        <v>42</v>
      </c>
      <c r="B8" s="35" t="s">
        <v>996</v>
      </c>
    </row>
    <row r="9" spans="1:2" x14ac:dyDescent="0.15">
      <c r="A9" s="31" t="s">
        <v>1336</v>
      </c>
      <c r="B9" s="35" t="s">
        <v>996</v>
      </c>
    </row>
    <row r="10" spans="1:2" x14ac:dyDescent="0.15">
      <c r="A10" s="31" t="s">
        <v>1460</v>
      </c>
      <c r="B10" s="35" t="s">
        <v>996</v>
      </c>
    </row>
    <row r="11" spans="1:2" x14ac:dyDescent="0.15">
      <c r="A11" s="31" t="s">
        <v>396</v>
      </c>
      <c r="B11" s="35" t="s">
        <v>996</v>
      </c>
    </row>
    <row r="12" spans="1:2" x14ac:dyDescent="0.15">
      <c r="A12" s="31" t="s">
        <v>1461</v>
      </c>
      <c r="B12" s="35" t="s">
        <v>996</v>
      </c>
    </row>
    <row r="13" spans="1:2" x14ac:dyDescent="0.15">
      <c r="A13" s="31" t="s">
        <v>73</v>
      </c>
      <c r="B13" s="35" t="s">
        <v>996</v>
      </c>
    </row>
    <row r="14" spans="1:2" x14ac:dyDescent="0.15">
      <c r="A14" s="31" t="s">
        <v>1462</v>
      </c>
      <c r="B14" s="35" t="s">
        <v>843</v>
      </c>
    </row>
    <row r="15" spans="1:2" x14ac:dyDescent="0.15">
      <c r="A15" s="31" t="s">
        <v>1635</v>
      </c>
      <c r="B15" s="35" t="s">
        <v>843</v>
      </c>
    </row>
    <row r="16" spans="1:2" x14ac:dyDescent="0.15">
      <c r="A16" s="31" t="s">
        <v>1655</v>
      </c>
      <c r="B16" s="35" t="s">
        <v>1233</v>
      </c>
    </row>
    <row r="17" spans="1:2" x14ac:dyDescent="0.15">
      <c r="A17" s="31" t="s">
        <v>203</v>
      </c>
      <c r="B17" s="35" t="s">
        <v>1233</v>
      </c>
    </row>
    <row r="18" spans="1:2" x14ac:dyDescent="0.15">
      <c r="A18" s="31" t="s">
        <v>1583</v>
      </c>
      <c r="B18" s="35" t="s">
        <v>1234</v>
      </c>
    </row>
    <row r="19" spans="1:2" x14ac:dyDescent="0.15">
      <c r="A19" s="31" t="s">
        <v>162</v>
      </c>
      <c r="B19" s="35" t="s">
        <v>1234</v>
      </c>
    </row>
    <row r="20" spans="1:2" x14ac:dyDescent="0.15">
      <c r="A20" s="31" t="s">
        <v>307</v>
      </c>
      <c r="B20" s="35" t="s">
        <v>1234</v>
      </c>
    </row>
    <row r="21" spans="1:2" x14ac:dyDescent="0.15">
      <c r="A21" s="19" t="s">
        <v>1247</v>
      </c>
      <c r="B21" s="35" t="s">
        <v>996</v>
      </c>
    </row>
    <row r="22" spans="1:2" x14ac:dyDescent="0.15">
      <c r="A22" s="17" t="s">
        <v>1656</v>
      </c>
      <c r="B22" s="35" t="s">
        <v>996</v>
      </c>
    </row>
    <row r="23" spans="1:2" x14ac:dyDescent="0.15">
      <c r="A23" s="19" t="s">
        <v>1657</v>
      </c>
      <c r="B23" s="35" t="s">
        <v>996</v>
      </c>
    </row>
    <row r="24" spans="1:2" x14ac:dyDescent="0.15">
      <c r="A24" s="29" t="s">
        <v>195</v>
      </c>
      <c r="B24" s="35" t="s">
        <v>843</v>
      </c>
    </row>
    <row r="25" spans="1:2" x14ac:dyDescent="0.15">
      <c r="A25" s="29" t="s">
        <v>1659</v>
      </c>
      <c r="B25" s="35" t="s">
        <v>1238</v>
      </c>
    </row>
    <row r="26" spans="1:2" x14ac:dyDescent="0.15">
      <c r="A26" s="29" t="s">
        <v>268</v>
      </c>
      <c r="B26" s="35" t="s">
        <v>1235</v>
      </c>
    </row>
    <row r="27" spans="1:2" x14ac:dyDescent="0.15">
      <c r="A27" s="29" t="s">
        <v>1529</v>
      </c>
      <c r="B27" s="35" t="s">
        <v>1235</v>
      </c>
    </row>
    <row r="28" spans="1:2" x14ac:dyDescent="0.15">
      <c r="A28" s="29" t="s">
        <v>1661</v>
      </c>
      <c r="B28" s="35" t="s">
        <v>1235</v>
      </c>
    </row>
    <row r="29" spans="1:2" x14ac:dyDescent="0.15">
      <c r="A29" s="29" t="s">
        <v>1016</v>
      </c>
      <c r="B29" s="35" t="s">
        <v>1235</v>
      </c>
    </row>
    <row r="30" spans="1:2" x14ac:dyDescent="0.15">
      <c r="A30" s="29" t="s">
        <v>1662</v>
      </c>
      <c r="B30" s="35" t="s">
        <v>1235</v>
      </c>
    </row>
    <row r="31" spans="1:2" x14ac:dyDescent="0.15">
      <c r="A31" s="29" t="s">
        <v>1663</v>
      </c>
      <c r="B31" s="35" t="s">
        <v>1235</v>
      </c>
    </row>
  </sheetData>
  <autoFilter ref="A1:B1"/>
  <phoneticPr fontId="21"/>
  <pageMargins left="0.7" right="0.7" top="0.75" bottom="0.75" header="0.3" footer="0.3"/>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29"/>
  <sheetViews>
    <sheetView zoomScale="85" zoomScaleNormal="85" workbookViewId="0">
      <pane xSplit="1" ySplit="2" topLeftCell="B22" activePane="bottomRight" state="frozen"/>
      <selection pane="topRight"/>
      <selection pane="bottomLeft"/>
      <selection pane="bottomRight" activeCell="B29" sqref="B29"/>
    </sheetView>
  </sheetViews>
  <sheetFormatPr defaultRowHeight="13.5" x14ac:dyDescent="0.15"/>
  <cols>
    <col min="1" max="1" width="29.375" customWidth="1"/>
    <col min="2" max="2" width="184.25" customWidth="1"/>
    <col min="3" max="4" width="9" customWidth="1"/>
  </cols>
  <sheetData>
    <row r="1" spans="1:9" ht="33.75" customHeight="1" x14ac:dyDescent="0.15">
      <c r="A1" s="36" t="s">
        <v>1518</v>
      </c>
    </row>
    <row r="2" spans="1:9" ht="25.5" customHeight="1" x14ac:dyDescent="0.15">
      <c r="A2" s="35" t="s">
        <v>964</v>
      </c>
      <c r="B2" s="35" t="s">
        <v>1554</v>
      </c>
    </row>
    <row r="3" spans="1:9" ht="24" customHeight="1" x14ac:dyDescent="0.15">
      <c r="A3" s="37" t="str">
        <f>HYPERLINK("#'全事業所一覧（最新）'!"&amp;ADDRESS(ROW('全事業所一覧（最新）'!A4),COLUMN('全事業所一覧（最新）'!A4),4),"居宅介護")</f>
        <v>居宅介護</v>
      </c>
      <c r="B3" s="35" t="s">
        <v>153</v>
      </c>
      <c r="C3">
        <f>MATCH(D3,'全事業所一覧（最新）'!A:A,0)</f>
        <v>4</v>
      </c>
      <c r="D3" t="s">
        <v>1231</v>
      </c>
      <c r="I3" t="s">
        <v>513</v>
      </c>
    </row>
    <row r="4" spans="1:9" ht="24" customHeight="1" x14ac:dyDescent="0.15">
      <c r="A4" s="37" t="str">
        <f>HYPERLINK("#'全事業所一覧（最新）'!"&amp;ADDRESS(ROW('全事業所一覧（最新）'!A4),COLUMN('全事業所一覧（最新）'!A4),4),"重度訪問介護")</f>
        <v>重度訪問介護</v>
      </c>
      <c r="B4" s="35" t="s">
        <v>1296</v>
      </c>
      <c r="C4">
        <f>MATCH(D4,'全事業所一覧（最新）'!A:A,0)</f>
        <v>4</v>
      </c>
      <c r="D4" t="s">
        <v>1231</v>
      </c>
      <c r="I4" t="s">
        <v>171</v>
      </c>
    </row>
    <row r="5" spans="1:9" ht="24" customHeight="1" x14ac:dyDescent="0.15">
      <c r="A5" s="37" t="str">
        <f>HYPERLINK("#'全事業所一覧（最新）'!"&amp;ADDRESS(ROW('全事業所一覧（最新）'!A55),COLUMN('全事業所一覧（最新）'!A55),4),"同行援護")</f>
        <v>同行援護</v>
      </c>
      <c r="B5" s="35" t="s">
        <v>698</v>
      </c>
      <c r="C5">
        <f>MATCH(D5,'全事業所一覧（最新）'!A:A,0)</f>
        <v>55</v>
      </c>
      <c r="D5" t="s">
        <v>1456</v>
      </c>
      <c r="I5" t="s">
        <v>979</v>
      </c>
    </row>
    <row r="6" spans="1:9" ht="24" customHeight="1" x14ac:dyDescent="0.15">
      <c r="A6" s="37" t="str">
        <f>HYPERLINK("#'全事業所一覧（最新）'!"&amp;ADDRESS(ROW('全事業所一覧（最新）'!A66),COLUMN('全事業所一覧（最新）'!A66),4),"行動援護")</f>
        <v>行動援護</v>
      </c>
      <c r="B6" s="35" t="s">
        <v>1555</v>
      </c>
      <c r="C6">
        <f>MATCH(D6,'全事業所一覧（最新）'!A:A,0)</f>
        <v>66</v>
      </c>
      <c r="D6" t="s">
        <v>505</v>
      </c>
      <c r="I6" t="s">
        <v>938</v>
      </c>
    </row>
    <row r="7" spans="1:9" ht="24" customHeight="1" x14ac:dyDescent="0.15">
      <c r="A7" s="37" t="str">
        <f>HYPERLINK("#'全事業所一覧（最新）'!"&amp;ADDRESS(ROW('全事業所一覧（最新）'!A69),COLUMN('全事業所一覧（最新）'!A69),4),"療養介護")</f>
        <v>療養介護</v>
      </c>
      <c r="B7" s="35" t="s">
        <v>392</v>
      </c>
      <c r="C7">
        <f>MATCH(D7,'全事業所一覧（最新）'!A:A,0)</f>
        <v>69</v>
      </c>
      <c r="D7" t="s">
        <v>1457</v>
      </c>
      <c r="I7" t="s">
        <v>1580</v>
      </c>
    </row>
    <row r="8" spans="1:9" ht="24" customHeight="1" x14ac:dyDescent="0.15">
      <c r="A8" s="37" t="str">
        <f>HYPERLINK("#'全事業所一覧（最新）'!"&amp;ADDRESS(ROW('全事業所一覧（最新）'!A73),COLUMN('全事業所一覧（最新）'!A73),4),"短期入所（ショートステイ）")</f>
        <v>短期入所（ショートステイ）</v>
      </c>
      <c r="B8" s="35" t="s">
        <v>1536</v>
      </c>
      <c r="C8">
        <f>MATCH(D8,'全事業所一覧（最新）'!A:A,0)</f>
        <v>73</v>
      </c>
      <c r="D8" t="s">
        <v>1459</v>
      </c>
    </row>
    <row r="9" spans="1:9" ht="24" customHeight="1" x14ac:dyDescent="0.15">
      <c r="A9" s="37" t="str">
        <f>HYPERLINK("#'全事業所一覧（最新）'!"&amp;ADDRESS(ROW('全事業所一覧（最新）'!A104),COLUMN('全事業所一覧（最新）'!A104),4),"生活介護")</f>
        <v>生活介護</v>
      </c>
      <c r="B9" s="35" t="s">
        <v>581</v>
      </c>
      <c r="C9">
        <f>MATCH(D9,'全事業所一覧（最新）'!A:A,0)</f>
        <v>104</v>
      </c>
      <c r="D9" t="s">
        <v>42</v>
      </c>
    </row>
    <row r="10" spans="1:9" ht="24" customHeight="1" x14ac:dyDescent="0.15">
      <c r="A10" s="37" t="e">
        <f>HYPERLINK("#'全事業所一覧（最新）'!"&amp;ADDRESS(ROW('全事業所一覧（最新）'!#REF!),COLUMN('全事業所一覧（最新）'!#REF!),4),"自立訓練（機能訓練）")</f>
        <v>#REF!</v>
      </c>
      <c r="B10" s="35" t="s">
        <v>87</v>
      </c>
      <c r="C10">
        <f>MATCH(D10,'全事業所一覧（最新）'!A:A,0)</f>
        <v>172</v>
      </c>
      <c r="D10" t="s">
        <v>1336</v>
      </c>
    </row>
    <row r="11" spans="1:9" ht="24" customHeight="1" x14ac:dyDescent="0.15">
      <c r="A11" s="37" t="str">
        <f>HYPERLINK("#'全事業所一覧（最新）'!"&amp;ADDRESS(ROW('全事業所一覧（最新）'!A184),COLUMN('全事業所一覧（最新）'!A184),4),"自立訓練（生活訓練）")</f>
        <v>自立訓練（生活訓練）</v>
      </c>
      <c r="B11" s="35" t="s">
        <v>1524</v>
      </c>
      <c r="C11">
        <f>MATCH(D11,'全事業所一覧（最新）'!A:A,0)</f>
        <v>184</v>
      </c>
      <c r="D11" t="s">
        <v>1460</v>
      </c>
    </row>
    <row r="12" spans="1:9" ht="24" customHeight="1" x14ac:dyDescent="0.15">
      <c r="A12" s="37" t="str">
        <f>HYPERLINK("#'全事業所一覧（最新）'!"&amp;ADDRESS(ROW('全事業所一覧（最新）'!A204),COLUMN('全事業所一覧（最新）'!A204),4),"就労移行支援")</f>
        <v>就労移行支援</v>
      </c>
      <c r="B12" s="35" t="s">
        <v>278</v>
      </c>
      <c r="C12">
        <f>MATCH(D12,'全事業所一覧（最新）'!A:A,0)</f>
        <v>204</v>
      </c>
      <c r="D12" t="s">
        <v>396</v>
      </c>
    </row>
    <row r="13" spans="1:9" ht="24" customHeight="1" x14ac:dyDescent="0.15">
      <c r="A13" s="37" t="str">
        <f>HYPERLINK("#'全事業所一覧（最新）'!"&amp;ADDRESS(ROW('全事業所一覧（最新）'!A216),COLUMN('全事業所一覧（最新）'!A216),4),"就労継続支援Ａ型")</f>
        <v>就労継続支援Ａ型</v>
      </c>
      <c r="B13" s="35" t="s">
        <v>94</v>
      </c>
      <c r="C13">
        <f>MATCH(D13,'全事業所一覧（最新）'!A:A,0)</f>
        <v>216</v>
      </c>
      <c r="D13" t="s">
        <v>1461</v>
      </c>
    </row>
    <row r="14" spans="1:9" ht="24" customHeight="1" x14ac:dyDescent="0.15">
      <c r="A14" s="37" t="str">
        <f>HYPERLINK("#'全事業所一覧（最新）'!"&amp;ADDRESS(ROW('全事業所一覧（最新）'!A250),COLUMN('全事業所一覧（最新）'!A250),4),"就労継続支援Ｂ型")</f>
        <v>就労継続支援Ｂ型</v>
      </c>
      <c r="B14" s="35" t="s">
        <v>1556</v>
      </c>
      <c r="C14">
        <f>MATCH(D14,'全事業所一覧（最新）'!A:A,0)</f>
        <v>250</v>
      </c>
      <c r="D14" t="s">
        <v>73</v>
      </c>
    </row>
    <row r="15" spans="1:9" ht="24" customHeight="1" x14ac:dyDescent="0.15">
      <c r="A15" s="37" t="str">
        <f>HYPERLINK("#'全事業所一覧（最新）'!"&amp;ADDRESS(ROW('全事業所一覧（最新）'!A312),COLUMN('全事業所一覧（最新）'!A312),4),"就労定着支援")</f>
        <v>就労定着支援</v>
      </c>
      <c r="B15" s="35" t="s">
        <v>822</v>
      </c>
      <c r="C15">
        <f>MATCH(D15,'全事業所一覧（最新）'!A:A,0)</f>
        <v>312</v>
      </c>
      <c r="D15" t="s">
        <v>1462</v>
      </c>
    </row>
    <row r="16" spans="1:9" ht="24" customHeight="1" x14ac:dyDescent="0.15">
      <c r="A16" s="37" t="str">
        <f>HYPERLINK("#'全事業所一覧（最新）'!"&amp;ADDRESS(ROW('全事業所一覧（最新）'!A317),COLUMN('全事業所一覧（最新）'!A317),4),"自立生活援助")</f>
        <v>自立生活援助</v>
      </c>
      <c r="B16" s="35" t="s">
        <v>216</v>
      </c>
      <c r="C16">
        <f>MATCH(D16,'全事業所一覧（最新）'!A:A,0)</f>
        <v>317</v>
      </c>
      <c r="D16" t="s">
        <v>1030</v>
      </c>
    </row>
    <row r="17" spans="1:4" ht="24" customHeight="1" x14ac:dyDescent="0.15">
      <c r="A17" s="37" t="str">
        <f>HYPERLINK("#'全事業所一覧（最新）'!"&amp;ADDRESS(ROW('全事業所一覧（最新）'!A318),COLUMN('全事業所一覧（最新）'!A318),4),"共同生活援助（グループホーム）")</f>
        <v>共同生活援助（グループホーム）</v>
      </c>
      <c r="B17" s="35" t="s">
        <v>864</v>
      </c>
      <c r="C17">
        <f>MATCH(D17,'全事業所一覧（最新）'!A:A,0)</f>
        <v>318</v>
      </c>
      <c r="D17" t="s">
        <v>1655</v>
      </c>
    </row>
    <row r="18" spans="1:4" ht="24" customHeight="1" x14ac:dyDescent="0.15">
      <c r="A18" s="37" t="str">
        <f>HYPERLINK("#'全事業所一覧（最新）'!"&amp;ADDRESS(ROW('全事業所一覧（最新）'!A363),COLUMN('全事業所一覧（最新）'!A363),4),"施設入所支援")</f>
        <v>施設入所支援</v>
      </c>
      <c r="B18" s="35" t="s">
        <v>1557</v>
      </c>
      <c r="C18">
        <f>MATCH(D18,'全事業所一覧（最新）'!A:A,0)</f>
        <v>363</v>
      </c>
      <c r="D18" t="s">
        <v>203</v>
      </c>
    </row>
    <row r="19" spans="1:4" ht="24" customHeight="1" x14ac:dyDescent="0.15">
      <c r="A19" s="37" t="str">
        <f>HYPERLINK("#'全事業所一覧（最新）'!"&amp;ADDRESS(ROW('全事業所一覧（最新）'!A374),COLUMN('全事業所一覧（最新）'!A374),4),"一般相談支援")</f>
        <v>一般相談支援</v>
      </c>
      <c r="B19" s="35" t="s">
        <v>709</v>
      </c>
      <c r="C19">
        <f>MATCH(D19,'全事業所一覧（最新）'!A:A,0)</f>
        <v>374</v>
      </c>
      <c r="D19" t="s">
        <v>1583</v>
      </c>
    </row>
    <row r="20" spans="1:4" ht="24" customHeight="1" x14ac:dyDescent="0.15">
      <c r="A20" s="37" t="str">
        <f>HYPERLINK("#'全事業所一覧（最新）'!"&amp;ADDRESS(ROW('全事業所一覧（最新）'!A391),COLUMN('全事業所一覧（最新）'!A391),4),"特定相談支援")</f>
        <v>特定相談支援</v>
      </c>
      <c r="B20" s="35" t="s">
        <v>1559</v>
      </c>
      <c r="C20">
        <f>MATCH(D20,'全事業所一覧（最新）'!A:A,0)</f>
        <v>391</v>
      </c>
      <c r="D20" t="s">
        <v>162</v>
      </c>
    </row>
    <row r="21" spans="1:4" ht="24" customHeight="1" x14ac:dyDescent="0.15">
      <c r="A21" s="37" t="str">
        <f>HYPERLINK("#'全事業所一覧（最新）'!"&amp;ADDRESS(ROW('全事業所一覧（最新）'!A426),COLUMN('全事業所一覧（最新）'!A426),4),"障害児相談支援")</f>
        <v>障害児相談支援</v>
      </c>
      <c r="B21" s="35" t="s">
        <v>1559</v>
      </c>
      <c r="C21">
        <f>MATCH(D21,'全事業所一覧（最新）'!A:A,0)</f>
        <v>426</v>
      </c>
      <c r="D21" t="s">
        <v>307</v>
      </c>
    </row>
    <row r="22" spans="1:4" ht="24" customHeight="1" x14ac:dyDescent="0.15">
      <c r="A22" s="37" t="str">
        <f>HYPERLINK("#'全事業所一覧（最新）'!"&amp;ADDRESS(ROW('全事業所一覧（最新）'!A452),COLUMN('全事業所一覧（最新）'!A452),4),"児童発達支援")</f>
        <v>児童発達支援</v>
      </c>
      <c r="B22" s="31" t="s">
        <v>1246</v>
      </c>
      <c r="C22">
        <f>MATCH(D22,'全事業所一覧（最新）'!A:A,0)</f>
        <v>452</v>
      </c>
      <c r="D22" t="s">
        <v>1247</v>
      </c>
    </row>
    <row r="23" spans="1:4" ht="24" customHeight="1" x14ac:dyDescent="0.15">
      <c r="A23" s="37" t="str">
        <f>HYPERLINK("#'全事業所一覧（最新）'!"&amp;ADDRESS(ROW('全事業所一覧（最新）'!A459),COLUMN('全事業所一覧（最新）'!A459),4),"放課後等デイサービス")</f>
        <v>放課後等デイサービス</v>
      </c>
      <c r="B23" s="38" t="s">
        <v>1558</v>
      </c>
      <c r="C23">
        <f>MATCH(D23,'全事業所一覧（最新）'!A:A,0)</f>
        <v>459</v>
      </c>
      <c r="D23" t="s">
        <v>1656</v>
      </c>
    </row>
    <row r="24" spans="1:4" ht="24" customHeight="1" x14ac:dyDescent="0.15">
      <c r="A24" s="37" t="str">
        <f>HYPERLINK("#'全事業所一覧（最新）'!"&amp;ADDRESS(ROW('全事業所一覧（最新）'!A528),COLUMN('全事業所一覧（最新）'!A528),4),"保育所等訪問支援")</f>
        <v>保育所等訪問支援</v>
      </c>
      <c r="B24" s="38" t="s">
        <v>642</v>
      </c>
      <c r="C24">
        <f>MATCH(D24,'全事業所一覧（最新）'!A:A,0)</f>
        <v>528</v>
      </c>
      <c r="D24" t="s">
        <v>195</v>
      </c>
    </row>
    <row r="25" spans="1:4" ht="24" customHeight="1" x14ac:dyDescent="0.15">
      <c r="A25" s="37" t="e">
        <f>HYPERLINK("#'全事業所一覧（最新）'!"&amp;ADDRESS(ROW(#REF!),COLUMN(#REF!),4),"基準該当（富山型）デイサービス")</f>
        <v>#REF!</v>
      </c>
      <c r="B25" s="38" t="s">
        <v>1540</v>
      </c>
      <c r="C25">
        <f>MATCH(D25,'全事業所一覧（最新）'!A:A,0)</f>
        <v>536</v>
      </c>
      <c r="D25" t="s">
        <v>1659</v>
      </c>
    </row>
    <row r="26" spans="1:4" ht="24" customHeight="1" x14ac:dyDescent="0.15">
      <c r="A26" s="37" t="str">
        <f>HYPERLINK("#'全事業所一覧（最新）'!"&amp;ADDRESS(ROW('全事業所一覧（最新）'!A554),COLUMN('全事業所一覧（最新）'!A554),4),"移動支援")</f>
        <v>移動支援</v>
      </c>
      <c r="B26" s="38" t="s">
        <v>793</v>
      </c>
      <c r="C26">
        <f>MATCH(D26,'全事業所一覧（最新）'!A:A,0)</f>
        <v>554</v>
      </c>
      <c r="D26" t="s">
        <v>268</v>
      </c>
    </row>
    <row r="27" spans="1:4" ht="24" customHeight="1" x14ac:dyDescent="0.15">
      <c r="A27" s="37" t="str">
        <f>HYPERLINK("#'全事業所一覧（最新）'!"&amp;ADDRESS(ROW('全事業所一覧（最新）'!A580),COLUMN('全事業所一覧（最新）'!A580),4),"日中一時支援")</f>
        <v>日中一時支援</v>
      </c>
      <c r="B27" s="38" t="s">
        <v>1455</v>
      </c>
      <c r="C27">
        <f>MATCH(D27,'全事業所一覧（最新）'!A:A,0)</f>
        <v>580</v>
      </c>
      <c r="D27" t="s">
        <v>1529</v>
      </c>
    </row>
    <row r="28" spans="1:4" ht="24" customHeight="1" x14ac:dyDescent="0.15">
      <c r="A28" s="37" t="str">
        <f>HYPERLINK("#'全事業所一覧（最新）'!"&amp;ADDRESS(ROW('全事業所一覧（最新）'!A655),COLUMN('全事業所一覧（最新）'!A655),4),"訪問入浴サービス")</f>
        <v>訪問入浴サービス</v>
      </c>
      <c r="B28" s="38" t="s">
        <v>1205</v>
      </c>
      <c r="C28">
        <f>MATCH(D28,'全事業所一覧（最新）'!A:A,0)</f>
        <v>655</v>
      </c>
      <c r="D28" t="s">
        <v>1661</v>
      </c>
    </row>
    <row r="29" spans="1:4" ht="24" customHeight="1" x14ac:dyDescent="0.15">
      <c r="A29" s="37" t="str">
        <f>HYPERLINK("#'全事業所一覧（最新）'!"&amp;ADDRESS(ROW('全事業所一覧（最新）'!A660),COLUMN('全事業所一覧（最新）'!A660),4),"地域活動支援センター")</f>
        <v>地域活動支援センター</v>
      </c>
      <c r="B29" s="38" t="s">
        <v>1560</v>
      </c>
      <c r="C29">
        <f>MATCH(D29,'全事業所一覧（最新）'!A:A,0)</f>
        <v>660</v>
      </c>
      <c r="D29" t="s">
        <v>1016</v>
      </c>
    </row>
  </sheetData>
  <phoneticPr fontId="2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全事業所一覧（最新）</vt:lpstr>
      <vt:lpstr>削除禁止</vt:lpstr>
      <vt:lpstr>各サービスの説明</vt:lpstr>
      <vt:lpstr>'全事業所一覧（最新）'!Print_Area</vt:lpstr>
      <vt:lpstr>'全事業所一覧（最新）'!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加野　郁香</dc:creator>
  <cp:lastModifiedBy>加野　郁香</cp:lastModifiedBy>
  <cp:lastPrinted>2024-04-03T02:35:33Z</cp:lastPrinted>
  <dcterms:created xsi:type="dcterms:W3CDTF">2012-05-28T01:11:04Z</dcterms:created>
  <dcterms:modified xsi:type="dcterms:W3CDTF">2024-04-03T02:36:24Z</dcterms:modified>
</cp:coreProperties>
</file>